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R:\14_助成Ｇ（助成担当）\04 助成（共通）\11 現況調査\Ｒ８現況調査\01_依頼\01_幼稚園\01_発送文書(様式等)\"/>
    </mc:Choice>
  </mc:AlternateContent>
  <xr:revisionPtr revIDLastSave="0" documentId="13_ncr:1_{D62F186F-F6B1-4C49-8C26-813AD0C7A5F4}" xr6:coauthVersionLast="47" xr6:coauthVersionMax="47" xr10:uidLastSave="{00000000-0000-0000-0000-000000000000}"/>
  <bookViews>
    <workbookView xWindow="-15" yWindow="-16320" windowWidth="29040" windowHeight="15720" tabRatio="854" xr2:uid="{00000000-000D-0000-FFFF-FFFF00000000}"/>
  </bookViews>
  <sheets>
    <sheet name="表紙（A4判）" sheetId="1" r:id="rId1"/>
    <sheet name="その1（A4判）" sheetId="2" r:id="rId2"/>
    <sheet name="その2（A4判）" sheetId="8" r:id="rId3"/>
    <sheet name="その３（A４判）① (認定こども園用)" sheetId="11" state="hidden" r:id="rId4"/>
    <sheet name="新規教職員名簿（A4判）(学法私学助成)" sheetId="4" r:id="rId5"/>
    <sheet name="新規教職員名簿（A4判）(新制度or非学法)" sheetId="7" r:id="rId6"/>
  </sheets>
  <externalReferences>
    <externalReference r:id="rId7"/>
  </externalReferences>
  <definedNames>
    <definedName name="_xlnm.Print_Area" localSheetId="1">'その1（A4判）'!$B$1:$AT$33</definedName>
    <definedName name="_xlnm.Print_Area" localSheetId="2">'その2（A4判）'!$A$1:$BV$45</definedName>
    <definedName name="_xlnm.Print_Area" localSheetId="4">'新規教職員名簿（A4判）(学法私学助成)'!$A$1:$CC$92</definedName>
    <definedName name="_xlnm.Print_Area" localSheetId="5">'新規教職員名簿（A4判）(新制度or非学法)'!$A$1:$CC$92</definedName>
    <definedName name="_xlnm.Print_Area" localSheetId="0">'表紙（A4判）'!$A$2:$O$30</definedName>
    <definedName name="番号">'[1]現況調査票（その３）両面'!$E$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Q5" i="7" l="1"/>
  <c r="BQ5" i="4"/>
  <c r="BA6" i="8"/>
  <c r="D7" i="7"/>
  <c r="D7" i="4"/>
  <c r="E7" i="8"/>
  <c r="AY6" i="8"/>
  <c r="P11" i="2" l="1"/>
</calcChain>
</file>

<file path=xl/sharedStrings.xml><?xml version="1.0" encoding="utf-8"?>
<sst xmlns="http://schemas.openxmlformats.org/spreadsheetml/2006/main" count="827" uniqueCount="234">
  <si>
    <t>学校コード</t>
  </si>
  <si>
    <t>Ｈ</t>
    <phoneticPr fontId="1"/>
  </si>
  <si>
    <t>私立学校現況調査報告書</t>
  </si>
  <si>
    <t xml:space="preserve"> </t>
  </si>
  <si>
    <t>ふりがな</t>
  </si>
  <si>
    <t>学校所在地</t>
  </si>
  <si>
    <t>郵便番号</t>
  </si>
  <si>
    <t>電話番号</t>
  </si>
  <si>
    <t>FAX番号</t>
  </si>
  <si>
    <t>校(園)長名</t>
  </si>
  <si>
    <t>設置者住所</t>
  </si>
  <si>
    <t>又は</t>
  </si>
  <si>
    <t>事務所所在地</t>
  </si>
  <si>
    <t>設置者名</t>
  </si>
  <si>
    <t>法人は、法人名</t>
  </si>
  <si>
    <t>及び代表者氏名</t>
  </si>
  <si>
    <t>報告書</t>
  </si>
  <si>
    <t>作成者氏名</t>
  </si>
  <si>
    <t>※この報告書は、学校ごとに1枚ずつ作成してください。</t>
  </si>
  <si>
    <t>種別</t>
    <rPh sb="0" eb="2">
      <t>シュベツ</t>
    </rPh>
    <phoneticPr fontId="14"/>
  </si>
  <si>
    <t>学校コード</t>
    <rPh sb="0" eb="2">
      <t>ガッコウ</t>
    </rPh>
    <phoneticPr fontId="14"/>
  </si>
  <si>
    <t>幼　　稚　　園　　名</t>
    <rPh sb="0" eb="10">
      <t>ヨウチエンメイ</t>
    </rPh>
    <phoneticPr fontId="14"/>
  </si>
  <si>
    <t>Ａ</t>
    <phoneticPr fontId="14"/>
  </si>
  <si>
    <t>Ｈ</t>
    <phoneticPr fontId="14"/>
  </si>
  <si>
    <t>単式学級</t>
    <rPh sb="0" eb="2">
      <t>タンシキ</t>
    </rPh>
    <rPh sb="2" eb="4">
      <t>ガッキュウ</t>
    </rPh>
    <phoneticPr fontId="14"/>
  </si>
  <si>
    <t>複式学級</t>
    <rPh sb="0" eb="1">
      <t>フク</t>
    </rPh>
    <rPh sb="1" eb="2">
      <t>タンシキ</t>
    </rPh>
    <rPh sb="2" eb="4">
      <t>ガッキュウ</t>
    </rPh>
    <phoneticPr fontId="14"/>
  </si>
  <si>
    <t>計</t>
    <rPh sb="0" eb="1">
      <t>ケイ</t>
    </rPh>
    <phoneticPr fontId="14"/>
  </si>
  <si>
    <t>３歳</t>
    <rPh sb="1" eb="2">
      <t>サイ</t>
    </rPh>
    <phoneticPr fontId="14"/>
  </si>
  <si>
    <t>４歳</t>
    <rPh sb="1" eb="2">
      <t>サイ</t>
    </rPh>
    <phoneticPr fontId="14"/>
  </si>
  <si>
    <t>５歳</t>
    <rPh sb="1" eb="2">
      <t>サイ</t>
    </rPh>
    <phoneticPr fontId="14"/>
  </si>
  <si>
    <t>３・４
歳</t>
    <rPh sb="4" eb="5">
      <t>サイ</t>
    </rPh>
    <phoneticPr fontId="14"/>
  </si>
  <si>
    <t>４・５
歳</t>
    <rPh sb="4" eb="5">
      <t>サイ</t>
    </rPh>
    <phoneticPr fontId="14"/>
  </si>
  <si>
    <t>3･4･5
歳</t>
    <rPh sb="6" eb="7">
      <t>サイ</t>
    </rPh>
    <phoneticPr fontId="14"/>
  </si>
  <si>
    <t>３　歳　児</t>
    <rPh sb="2" eb="3">
      <t>サイ</t>
    </rPh>
    <rPh sb="4" eb="5">
      <t>ジ</t>
    </rPh>
    <phoneticPr fontId="14"/>
  </si>
  <si>
    <t>合計</t>
    <rPh sb="0" eb="2">
      <t>ゴウケイ</t>
    </rPh>
    <phoneticPr fontId="14"/>
  </si>
  <si>
    <t>就学猶予児</t>
    <rPh sb="0" eb="2">
      <t>シュウガク</t>
    </rPh>
    <rPh sb="2" eb="4">
      <t>ユウヨ</t>
    </rPh>
    <rPh sb="4" eb="5">
      <t>ジ</t>
    </rPh>
    <phoneticPr fontId="14"/>
  </si>
  <si>
    <t>本年度入園</t>
    <rPh sb="0" eb="3">
      <t>ホンネンド</t>
    </rPh>
    <rPh sb="3" eb="5">
      <t>ニュウエン</t>
    </rPh>
    <phoneticPr fontId="14"/>
  </si>
  <si>
    <t>前年度間入園</t>
    <rPh sb="0" eb="3">
      <t>ゼンネンド</t>
    </rPh>
    <rPh sb="3" eb="4">
      <t>カン</t>
    </rPh>
    <rPh sb="4" eb="6">
      <t>ニュウエン</t>
    </rPh>
    <phoneticPr fontId="14"/>
  </si>
  <si>
    <t>人数</t>
    <rPh sb="0" eb="2">
      <t>ニンズウ</t>
    </rPh>
    <phoneticPr fontId="14"/>
  </si>
  <si>
    <t>生まれ</t>
    <rPh sb="0" eb="1">
      <t>ウ</t>
    </rPh>
    <phoneticPr fontId="14"/>
  </si>
  <si>
    <t>人</t>
    <rPh sb="0" eb="1">
      <t>ニン</t>
    </rPh>
    <phoneticPr fontId="14"/>
  </si>
  <si>
    <t>(注)１</t>
    <rPh sb="1" eb="2">
      <t>チュウ</t>
    </rPh>
    <phoneticPr fontId="14"/>
  </si>
  <si>
    <t>編成方式別学級数のうち</t>
    <rPh sb="0" eb="2">
      <t>ヘンセイ</t>
    </rPh>
    <rPh sb="2" eb="8">
      <t>ホウシキベツガッキュウスウ</t>
    </rPh>
    <phoneticPr fontId="14"/>
  </si>
  <si>
    <t>○学級数は、毎学年の教育日数が概ね１９５日(３９週)を下回らない教育課程の学級とします。</t>
    <rPh sb="1" eb="3">
      <t>ガッキュウ</t>
    </rPh>
    <rPh sb="3" eb="4">
      <t>スウ</t>
    </rPh>
    <rPh sb="6" eb="7">
      <t>マイ</t>
    </rPh>
    <rPh sb="7" eb="9">
      <t>ガクネン</t>
    </rPh>
    <rPh sb="10" eb="12">
      <t>キョウイク</t>
    </rPh>
    <rPh sb="12" eb="14">
      <t>ニッスウ</t>
    </rPh>
    <rPh sb="15" eb="16">
      <t>オオム</t>
    </rPh>
    <rPh sb="20" eb="21">
      <t>ニチ</t>
    </rPh>
    <rPh sb="24" eb="25">
      <t>シュウ</t>
    </rPh>
    <rPh sb="27" eb="29">
      <t>シタマワ</t>
    </rPh>
    <rPh sb="32" eb="36">
      <t>キョウイクカテイ</t>
    </rPh>
    <rPh sb="37" eb="39">
      <t>ガッキュウ</t>
    </rPh>
    <phoneticPr fontId="14"/>
  </si>
  <si>
    <t>(注)２</t>
    <rPh sb="1" eb="2">
      <t>チュウ</t>
    </rPh>
    <phoneticPr fontId="14"/>
  </si>
  <si>
    <t>年齢別・入園年次別在園児数のうち</t>
    <rPh sb="0" eb="3">
      <t>ネンレイベツ</t>
    </rPh>
    <rPh sb="4" eb="6">
      <t>ニュウエン</t>
    </rPh>
    <rPh sb="6" eb="8">
      <t>ネンジ</t>
    </rPh>
    <rPh sb="8" eb="9">
      <t>ベツ</t>
    </rPh>
    <rPh sb="9" eb="10">
      <t>ザイ</t>
    </rPh>
    <rPh sb="10" eb="12">
      <t>エンジ</t>
    </rPh>
    <rPh sb="12" eb="13">
      <t>スウ</t>
    </rPh>
    <phoneticPr fontId="14"/>
  </si>
  <si>
    <t>○園児数は、毎学年の教育日数が概ね１９５日(３９週)を下回らない教育課程の園児とします。</t>
    <rPh sb="1" eb="4">
      <t>エンジスウ</t>
    </rPh>
    <rPh sb="6" eb="7">
      <t>マイ</t>
    </rPh>
    <rPh sb="7" eb="9">
      <t>ガクネン</t>
    </rPh>
    <rPh sb="10" eb="12">
      <t>キョウイク</t>
    </rPh>
    <rPh sb="12" eb="14">
      <t>ニッスウ</t>
    </rPh>
    <rPh sb="15" eb="16">
      <t>オオム</t>
    </rPh>
    <rPh sb="20" eb="21">
      <t>ニチ</t>
    </rPh>
    <rPh sb="24" eb="25">
      <t>シュウ</t>
    </rPh>
    <rPh sb="27" eb="29">
      <t>シタマワ</t>
    </rPh>
    <rPh sb="32" eb="36">
      <t>キョウイクカテイ</t>
    </rPh>
    <rPh sb="37" eb="38">
      <t>エン</t>
    </rPh>
    <rPh sb="38" eb="39">
      <t>ジ</t>
    </rPh>
    <phoneticPr fontId="14"/>
  </si>
  <si>
    <t>○就学猶予児は、園児数の中から除き、就学猶予児欄に記入してください。</t>
    <rPh sb="1" eb="3">
      <t>シュウガク</t>
    </rPh>
    <rPh sb="3" eb="5">
      <t>ユウヨ</t>
    </rPh>
    <rPh sb="5" eb="6">
      <t>ジ</t>
    </rPh>
    <rPh sb="8" eb="11">
      <t>エンジスウ</t>
    </rPh>
    <rPh sb="12" eb="13">
      <t>ナカ</t>
    </rPh>
    <rPh sb="15" eb="16">
      <t>ノゾ</t>
    </rPh>
    <rPh sb="18" eb="20">
      <t>シュウガク</t>
    </rPh>
    <rPh sb="20" eb="22">
      <t>ユウヨ</t>
    </rPh>
    <rPh sb="22" eb="23">
      <t>ジ</t>
    </rPh>
    <rPh sb="23" eb="24">
      <t>ラン</t>
    </rPh>
    <rPh sb="25" eb="27">
      <t>キニュウ</t>
    </rPh>
    <phoneticPr fontId="14"/>
  </si>
  <si>
    <t>○園児数は、就学猶予児がいる場合を除き、学校基本調査の園児数と一致します。</t>
    <phoneticPr fontId="14"/>
  </si>
  <si>
    <t>○３歳児の｢本年度入園｣、｢前年度入園｣については学校基本調査の園児数と一致します。</t>
    <rPh sb="2" eb="3">
      <t>サイ</t>
    </rPh>
    <rPh sb="3" eb="4">
      <t>ジ</t>
    </rPh>
    <rPh sb="6" eb="9">
      <t>ホンネンド</t>
    </rPh>
    <rPh sb="9" eb="11">
      <t>ニュウエン</t>
    </rPh>
    <rPh sb="14" eb="17">
      <t>ゼンネンド</t>
    </rPh>
    <rPh sb="17" eb="19">
      <t>ニュウエン</t>
    </rPh>
    <rPh sb="25" eb="31">
      <t>ガッコウキホンチョウサ</t>
    </rPh>
    <rPh sb="32" eb="35">
      <t>エンジスウ</t>
    </rPh>
    <rPh sb="36" eb="38">
      <t>イッチ</t>
    </rPh>
    <phoneticPr fontId="14"/>
  </si>
  <si>
    <t>種別</t>
  </si>
  <si>
    <t>Ａ</t>
  </si>
  <si>
    <t>Ｈ</t>
  </si>
  <si>
    <t>種別</t>
    <rPh sb="0" eb="2">
      <t>シュベツ</t>
    </rPh>
    <phoneticPr fontId="23"/>
  </si>
  <si>
    <t>学校コード</t>
    <rPh sb="0" eb="2">
      <t>ガッコウ</t>
    </rPh>
    <phoneticPr fontId="23"/>
  </si>
  <si>
    <t>幼稚園名</t>
    <rPh sb="0" eb="3">
      <t>ヨウチエン</t>
    </rPh>
    <rPh sb="3" eb="4">
      <t>メイ</t>
    </rPh>
    <phoneticPr fontId="23"/>
  </si>
  <si>
    <t>新規教職員用</t>
    <rPh sb="0" eb="2">
      <t>シンキ</t>
    </rPh>
    <rPh sb="2" eb="5">
      <t>キョウショクイン</t>
    </rPh>
    <rPh sb="5" eb="6">
      <t>ヨウ</t>
    </rPh>
    <phoneticPr fontId="23"/>
  </si>
  <si>
    <t>枚中</t>
    <rPh sb="0" eb="1">
      <t>マイ</t>
    </rPh>
    <rPh sb="1" eb="2">
      <t>チュウ</t>
    </rPh>
    <phoneticPr fontId="23"/>
  </si>
  <si>
    <t>枚目</t>
    <rPh sb="0" eb="1">
      <t>マイ</t>
    </rPh>
    <rPh sb="1" eb="2">
      <t>メ</t>
    </rPh>
    <phoneticPr fontId="23"/>
  </si>
  <si>
    <t>ＤＡ</t>
    <phoneticPr fontId="23"/>
  </si>
  <si>
    <t>Ｈ</t>
    <phoneticPr fontId="23"/>
  </si>
  <si>
    <t>※ 昨年５月２日以降に採用された教職員について記入してください。</t>
    <rPh sb="2" eb="4">
      <t>サクネン</t>
    </rPh>
    <rPh sb="5" eb="6">
      <t>ガツ</t>
    </rPh>
    <rPh sb="7" eb="8">
      <t>ニチ</t>
    </rPh>
    <rPh sb="8" eb="10">
      <t>イコウ</t>
    </rPh>
    <rPh sb="11" eb="13">
      <t>サイヨウ</t>
    </rPh>
    <rPh sb="16" eb="19">
      <t>キョウショクイン</t>
    </rPh>
    <rPh sb="23" eb="25">
      <t>キニュウ</t>
    </rPh>
    <phoneticPr fontId="23"/>
  </si>
  <si>
    <t>職　　名</t>
    <rPh sb="0" eb="1">
      <t>ショク</t>
    </rPh>
    <rPh sb="3" eb="4">
      <t>メイ</t>
    </rPh>
    <phoneticPr fontId="23"/>
  </si>
  <si>
    <t>教員免許状又は教務に関する資格免許等</t>
    <rPh sb="0" eb="2">
      <t>キョウイン</t>
    </rPh>
    <rPh sb="2" eb="5">
      <t>メンキョジョウ</t>
    </rPh>
    <rPh sb="5" eb="6">
      <t>マタ</t>
    </rPh>
    <rPh sb="7" eb="9">
      <t>キョウム</t>
    </rPh>
    <rPh sb="10" eb="11">
      <t>カン</t>
    </rPh>
    <rPh sb="13" eb="15">
      <t>シカク</t>
    </rPh>
    <rPh sb="15" eb="17">
      <t>メンキョ</t>
    </rPh>
    <rPh sb="17" eb="18">
      <t>トウ</t>
    </rPh>
    <phoneticPr fontId="23"/>
  </si>
  <si>
    <t>私 学 共 済 加 入 状 況</t>
    <rPh sb="0" eb="1">
      <t>ワタシ</t>
    </rPh>
    <rPh sb="2" eb="3">
      <t>ガク</t>
    </rPh>
    <rPh sb="4" eb="5">
      <t>トモ</t>
    </rPh>
    <rPh sb="6" eb="7">
      <t>スミ</t>
    </rPh>
    <rPh sb="8" eb="9">
      <t>カ</t>
    </rPh>
    <rPh sb="10" eb="11">
      <t>イリ</t>
    </rPh>
    <rPh sb="12" eb="13">
      <t>ジョウ</t>
    </rPh>
    <rPh sb="14" eb="15">
      <t>キョウ</t>
    </rPh>
    <phoneticPr fontId="23"/>
  </si>
  <si>
    <t>勤務形態</t>
    <rPh sb="0" eb="2">
      <t>キンム</t>
    </rPh>
    <rPh sb="2" eb="4">
      <t>ケイタイ</t>
    </rPh>
    <phoneticPr fontId="23"/>
  </si>
  <si>
    <t>雇用状況</t>
    <rPh sb="0" eb="2">
      <t>コヨウ</t>
    </rPh>
    <rPh sb="2" eb="4">
      <t>ジョウキョウ</t>
    </rPh>
    <phoneticPr fontId="23"/>
  </si>
  <si>
    <t>休　　職　　等</t>
    <rPh sb="0" eb="1">
      <t>キュウ</t>
    </rPh>
    <rPh sb="3" eb="4">
      <t>ショク</t>
    </rPh>
    <rPh sb="6" eb="7">
      <t>トウ</t>
    </rPh>
    <phoneticPr fontId="23"/>
  </si>
  <si>
    <t>退職財団</t>
    <rPh sb="0" eb="2">
      <t>タイショク</t>
    </rPh>
    <rPh sb="2" eb="4">
      <t>ザイダン</t>
    </rPh>
    <phoneticPr fontId="23"/>
  </si>
  <si>
    <t>加入状況</t>
    <rPh sb="0" eb="2">
      <t>カニュウ</t>
    </rPh>
    <rPh sb="2" eb="4">
      <t>ジョウキョウ</t>
    </rPh>
    <phoneticPr fontId="23"/>
  </si>
  <si>
    <t>整理
番号</t>
    <rPh sb="0" eb="2">
      <t>セイリ</t>
    </rPh>
    <rPh sb="3" eb="5">
      <t>バンゴウ</t>
    </rPh>
    <phoneticPr fontId="23"/>
  </si>
  <si>
    <t>（週当たり）</t>
    <rPh sb="1" eb="2">
      <t>シュウ</t>
    </rPh>
    <rPh sb="2" eb="3">
      <t>ア</t>
    </rPh>
    <phoneticPr fontId="23"/>
  </si>
  <si>
    <t>他に勤務する</t>
    <rPh sb="0" eb="1">
      <t>ホカ</t>
    </rPh>
    <rPh sb="2" eb="4">
      <t>キンム</t>
    </rPh>
    <phoneticPr fontId="23"/>
  </si>
  <si>
    <t>氏　名　（　漢　字　）</t>
    <rPh sb="0" eb="1">
      <t>シ</t>
    </rPh>
    <rPh sb="2" eb="3">
      <t>メイ</t>
    </rPh>
    <rPh sb="6" eb="7">
      <t>カン</t>
    </rPh>
    <rPh sb="8" eb="9">
      <t>ジ</t>
    </rPh>
    <phoneticPr fontId="23"/>
  </si>
  <si>
    <t>名称</t>
    <rPh sb="0" eb="2">
      <t>メイショウ</t>
    </rPh>
    <phoneticPr fontId="23"/>
  </si>
  <si>
    <t>ｺｰﾄﾞ</t>
    <phoneticPr fontId="23"/>
  </si>
  <si>
    <t>種類</t>
    <rPh sb="0" eb="2">
      <t>シュルイ</t>
    </rPh>
    <phoneticPr fontId="23"/>
  </si>
  <si>
    <t>取得年月日
授与権者</t>
    <rPh sb="0" eb="2">
      <t>シュトク</t>
    </rPh>
    <rPh sb="2" eb="5">
      <t>ネンガッピ</t>
    </rPh>
    <rPh sb="6" eb="8">
      <t>ジュヨ</t>
    </rPh>
    <rPh sb="8" eb="9">
      <t>ケン</t>
    </rPh>
    <rPh sb="9" eb="10">
      <t>シャ</t>
    </rPh>
    <phoneticPr fontId="23"/>
  </si>
  <si>
    <t>コード</t>
    <phoneticPr fontId="23"/>
  </si>
  <si>
    <t>組　合　員　番　号</t>
    <rPh sb="0" eb="1">
      <t>クミ</t>
    </rPh>
    <rPh sb="2" eb="3">
      <t>ゴウ</t>
    </rPh>
    <rPh sb="4" eb="5">
      <t>イン</t>
    </rPh>
    <rPh sb="6" eb="7">
      <t>バン</t>
    </rPh>
    <rPh sb="8" eb="9">
      <t>ゴウ</t>
    </rPh>
    <phoneticPr fontId="23"/>
  </si>
  <si>
    <t>要勤務</t>
    <rPh sb="0" eb="1">
      <t>ヨウ</t>
    </rPh>
    <rPh sb="1" eb="3">
      <t>キンム</t>
    </rPh>
    <phoneticPr fontId="23"/>
  </si>
  <si>
    <t>日　数</t>
    <rPh sb="0" eb="1">
      <t>ヒ</t>
    </rPh>
    <rPh sb="2" eb="3">
      <t>カズ</t>
    </rPh>
    <phoneticPr fontId="23"/>
  </si>
  <si>
    <t>本・兼</t>
    <rPh sb="0" eb="1">
      <t>ホン</t>
    </rPh>
    <rPh sb="2" eb="3">
      <t>ケン</t>
    </rPh>
    <phoneticPr fontId="23"/>
  </si>
  <si>
    <t>時　間</t>
    <rPh sb="0" eb="1">
      <t>トキ</t>
    </rPh>
    <rPh sb="2" eb="3">
      <t>アイダ</t>
    </rPh>
    <phoneticPr fontId="23"/>
  </si>
  <si>
    <t>コード</t>
    <phoneticPr fontId="23"/>
  </si>
  <si>
    <t>学校の名称</t>
    <rPh sb="0" eb="2">
      <t>ガッコウ</t>
    </rPh>
    <rPh sb="3" eb="5">
      <t>メイショウ</t>
    </rPh>
    <phoneticPr fontId="23"/>
  </si>
  <si>
    <t>－</t>
    <phoneticPr fontId="23"/>
  </si>
  <si>
    <t>性　別</t>
    <rPh sb="0" eb="1">
      <t>セイ</t>
    </rPh>
    <rPh sb="2" eb="3">
      <t>ベツ</t>
    </rPh>
    <phoneticPr fontId="23"/>
  </si>
  <si>
    <t>生年月日</t>
    <rPh sb="0" eb="2">
      <t>セイネン</t>
    </rPh>
    <rPh sb="2" eb="4">
      <t>ガッピ</t>
    </rPh>
    <phoneticPr fontId="23"/>
  </si>
  <si>
    <t>採用年月日</t>
    <rPh sb="0" eb="2">
      <t>サイヨウ</t>
    </rPh>
    <rPh sb="2" eb="5">
      <t>ネンガッピ</t>
    </rPh>
    <phoneticPr fontId="23"/>
  </si>
  <si>
    <t>新卒等の別</t>
    <rPh sb="0" eb="2">
      <t>シンソツ</t>
    </rPh>
    <rPh sb="2" eb="3">
      <t>トウ</t>
    </rPh>
    <rPh sb="4" eb="5">
      <t>ベツ</t>
    </rPh>
    <phoneticPr fontId="23"/>
  </si>
  <si>
    <t>基　本　給</t>
    <rPh sb="0" eb="1">
      <t>モト</t>
    </rPh>
    <rPh sb="2" eb="3">
      <t>ホン</t>
    </rPh>
    <rPh sb="4" eb="5">
      <t>キュウ</t>
    </rPh>
    <phoneticPr fontId="23"/>
  </si>
  <si>
    <t>前　年</t>
    <rPh sb="0" eb="1">
      <t>マエ</t>
    </rPh>
    <rPh sb="2" eb="3">
      <t>トシ</t>
    </rPh>
    <phoneticPr fontId="23"/>
  </si>
  <si>
    <t>氏　名　（　カ　ナ　）</t>
    <rPh sb="0" eb="1">
      <t>シ</t>
    </rPh>
    <rPh sb="2" eb="3">
      <t>メイ</t>
    </rPh>
    <phoneticPr fontId="23"/>
  </si>
  <si>
    <t>年号</t>
    <rPh sb="0" eb="2">
      <t>ネンゴウ</t>
    </rPh>
    <phoneticPr fontId="23"/>
  </si>
  <si>
    <t>年</t>
    <rPh sb="0" eb="1">
      <t>ネン</t>
    </rPh>
    <phoneticPr fontId="23"/>
  </si>
  <si>
    <t>月</t>
    <rPh sb="0" eb="1">
      <t>ゲツ</t>
    </rPh>
    <phoneticPr fontId="23"/>
  </si>
  <si>
    <t>日</t>
    <rPh sb="0" eb="1">
      <t>ニチ</t>
    </rPh>
    <phoneticPr fontId="23"/>
  </si>
  <si>
    <t>通勤手当</t>
    <rPh sb="0" eb="2">
      <t>ツウキン</t>
    </rPh>
    <rPh sb="2" eb="4">
      <t>テアテ</t>
    </rPh>
    <phoneticPr fontId="23"/>
  </si>
  <si>
    <t>合　　計</t>
    <rPh sb="0" eb="1">
      <t>ゴウ</t>
    </rPh>
    <rPh sb="3" eb="4">
      <t>ケイ</t>
    </rPh>
    <phoneticPr fontId="23"/>
  </si>
  <si>
    <t>（本　俸）</t>
    <rPh sb="1" eb="2">
      <t>ホン</t>
    </rPh>
    <rPh sb="3" eb="4">
      <t>ホウ</t>
    </rPh>
    <phoneticPr fontId="23"/>
  </si>
  <si>
    <t>支払金額</t>
    <rPh sb="0" eb="2">
      <t>シハラ</t>
    </rPh>
    <rPh sb="2" eb="4">
      <t>キンガク</t>
    </rPh>
    <phoneticPr fontId="23"/>
  </si>
  <si>
    <t>千</t>
    <rPh sb="0" eb="1">
      <t>セン</t>
    </rPh>
    <phoneticPr fontId="23"/>
  </si>
  <si>
    <t>円</t>
    <rPh sb="0" eb="1">
      <t>エン</t>
    </rPh>
    <phoneticPr fontId="23"/>
  </si>
  <si>
    <t>(新免許のみ)</t>
    <rPh sb="1" eb="2">
      <t>シン</t>
    </rPh>
    <rPh sb="2" eb="4">
      <t>メンキョ</t>
    </rPh>
    <phoneticPr fontId="23"/>
  </si>
  <si>
    <t>私　立　幼　稚　園　新　規　教　職　員　名　簿</t>
    <rPh sb="0" eb="1">
      <t>ワタシ</t>
    </rPh>
    <rPh sb="2" eb="3">
      <t>リツ</t>
    </rPh>
    <rPh sb="4" eb="5">
      <t>ヨウ</t>
    </rPh>
    <rPh sb="6" eb="7">
      <t>オサナイ</t>
    </rPh>
    <rPh sb="8" eb="9">
      <t>エン</t>
    </rPh>
    <rPh sb="10" eb="11">
      <t>シン</t>
    </rPh>
    <rPh sb="12" eb="13">
      <t>タダシ</t>
    </rPh>
    <rPh sb="14" eb="15">
      <t>キョウ</t>
    </rPh>
    <rPh sb="16" eb="17">
      <t>ショク</t>
    </rPh>
    <rPh sb="18" eb="19">
      <t>イン</t>
    </rPh>
    <rPh sb="20" eb="21">
      <t>メイ</t>
    </rPh>
    <rPh sb="22" eb="23">
      <t>ボ</t>
    </rPh>
    <phoneticPr fontId="23"/>
  </si>
  <si>
    <t>内　　　容</t>
    <rPh sb="0" eb="1">
      <t>ウチ</t>
    </rPh>
    <rPh sb="4" eb="5">
      <t>カタチ</t>
    </rPh>
    <phoneticPr fontId="23"/>
  </si>
  <si>
    <t>・実施状況について</t>
    <rPh sb="1" eb="3">
      <t>ジッシ</t>
    </rPh>
    <rPh sb="3" eb="5">
      <t>ジョウキョウ</t>
    </rPh>
    <phoneticPr fontId="1"/>
  </si>
  <si>
    <t>　ご回答ください。</t>
    <rPh sb="2" eb="4">
      <t>カイトウ</t>
    </rPh>
    <phoneticPr fontId="1"/>
  </si>
  <si>
    <t>(1)実施していない。</t>
    <rPh sb="3" eb="5">
      <t>ジッシ</t>
    </rPh>
    <phoneticPr fontId="1"/>
  </si>
  <si>
    <t>(2)実施している。</t>
    <rPh sb="3" eb="5">
      <t>ジッシ</t>
    </rPh>
    <phoneticPr fontId="1"/>
  </si>
  <si>
    <t>その他</t>
    <rPh sb="2" eb="3">
      <t>タ</t>
    </rPh>
    <phoneticPr fontId="1"/>
  </si>
  <si>
    <t>・回数について</t>
    <rPh sb="1" eb="3">
      <t>カイスウ</t>
    </rPh>
    <phoneticPr fontId="1"/>
  </si>
  <si>
    <t>・給食施設の有無</t>
    <rPh sb="1" eb="3">
      <t>キュウショク</t>
    </rPh>
    <rPh sb="3" eb="5">
      <t>シセツ</t>
    </rPh>
    <rPh sb="6" eb="8">
      <t>ウム</t>
    </rPh>
    <phoneticPr fontId="1"/>
  </si>
  <si>
    <t>・形態について（注１）</t>
    <rPh sb="1" eb="3">
      <t>ケイタイ</t>
    </rPh>
    <rPh sb="8" eb="9">
      <t>チュウ</t>
    </rPh>
    <phoneticPr fontId="1"/>
  </si>
  <si>
    <t>・給食実施対象園児数（注２）</t>
    <rPh sb="1" eb="3">
      <t>キュウショク</t>
    </rPh>
    <rPh sb="3" eb="5">
      <t>ジッシ</t>
    </rPh>
    <rPh sb="5" eb="7">
      <t>タイショウ</t>
    </rPh>
    <rPh sb="7" eb="9">
      <t>エンジ</t>
    </rPh>
    <rPh sb="9" eb="10">
      <t>スウ</t>
    </rPh>
    <rPh sb="11" eb="12">
      <t>チュウ</t>
    </rPh>
    <phoneticPr fontId="1"/>
  </si>
  <si>
    <t>完全給食</t>
    <rPh sb="0" eb="2">
      <t>カンゼン</t>
    </rPh>
    <rPh sb="2" eb="4">
      <t>キュウショク</t>
    </rPh>
    <phoneticPr fontId="1"/>
  </si>
  <si>
    <t>ミルク給食</t>
    <rPh sb="3" eb="5">
      <t>キュウショク</t>
    </rPh>
    <phoneticPr fontId="1"/>
  </si>
  <si>
    <t>週３回以上</t>
    <rPh sb="0" eb="1">
      <t>シュウ</t>
    </rPh>
    <rPh sb="2" eb="3">
      <t>カイ</t>
    </rPh>
    <rPh sb="3" eb="5">
      <t>イジョウ</t>
    </rPh>
    <phoneticPr fontId="1"/>
  </si>
  <si>
    <t>週３回未満</t>
    <rPh sb="0" eb="1">
      <t>シュウ</t>
    </rPh>
    <rPh sb="2" eb="3">
      <t>カイ</t>
    </rPh>
    <rPh sb="3" eb="5">
      <t>ミマン</t>
    </rPh>
    <phoneticPr fontId="1"/>
  </si>
  <si>
    <t>補食給食</t>
    <rPh sb="0" eb="2">
      <t>ホショク</t>
    </rPh>
    <rPh sb="2" eb="4">
      <t>キュウショク</t>
    </rPh>
    <phoneticPr fontId="1"/>
  </si>
  <si>
    <t>人</t>
    <rPh sb="0" eb="1">
      <t>ニン</t>
    </rPh>
    <phoneticPr fontId="1"/>
  </si>
  <si>
    <t>（注１）</t>
    <rPh sb="1" eb="2">
      <t>チュウ</t>
    </rPh>
    <phoneticPr fontId="1"/>
  </si>
  <si>
    <t>完全給食…パン・米飯またはめんの主食、ミルク、おかずを内容とする給食。</t>
    <rPh sb="0" eb="2">
      <t>カンゼン</t>
    </rPh>
    <rPh sb="2" eb="4">
      <t>キュウショク</t>
    </rPh>
    <rPh sb="8" eb="10">
      <t>ベイハン</t>
    </rPh>
    <rPh sb="16" eb="18">
      <t>シュショク</t>
    </rPh>
    <rPh sb="27" eb="29">
      <t>ナイヨウ</t>
    </rPh>
    <rPh sb="32" eb="34">
      <t>キュウショク</t>
    </rPh>
    <phoneticPr fontId="1"/>
  </si>
  <si>
    <t>ミルク給食…ミルクのみを内容とする給食。</t>
    <phoneticPr fontId="1"/>
  </si>
  <si>
    <t>補食給食…「完全給食・ミルク給食」以外の給食。</t>
    <phoneticPr fontId="1"/>
  </si>
  <si>
    <t>（注２）</t>
    <rPh sb="1" eb="2">
      <t>チュウ</t>
    </rPh>
    <phoneticPr fontId="1"/>
  </si>
  <si>
    <t>この人数は、給食の対象園児数であって、実際に給食を受けた人数ではありません。</t>
    <phoneticPr fontId="1"/>
  </si>
  <si>
    <t>毎日給食の希望をとる場合であっても、全園児が希望すれば給食を申し込める場合は、</t>
    <phoneticPr fontId="1"/>
  </si>
  <si>
    <t>在籍園児数を記入してください。</t>
    <phoneticPr fontId="1"/>
  </si>
  <si>
    <t>回答欄</t>
    <phoneticPr fontId="1"/>
  </si>
  <si>
    <t>数名の教員が２学級以上の指導にあたっている</t>
  </si>
  <si>
    <t>グループ単位での教育を行っている</t>
  </si>
  <si>
    <t>複数教員が学級の担任となっている</t>
  </si>
  <si>
    <t>・(2)で「その他」と回答した場合、内容を具体的にお書きください。</t>
    <rPh sb="8" eb="9">
      <t>タ</t>
    </rPh>
    <rPh sb="11" eb="13">
      <t>カイトウ</t>
    </rPh>
    <rPh sb="15" eb="17">
      <t>バアイ</t>
    </rPh>
    <rPh sb="18" eb="20">
      <t>ナイヨウ</t>
    </rPh>
    <rPh sb="21" eb="24">
      <t>グタイテキ</t>
    </rPh>
    <rPh sb="26" eb="27">
      <t>カ</t>
    </rPh>
    <phoneticPr fontId="1"/>
  </si>
  <si>
    <t>あり</t>
    <phoneticPr fontId="1"/>
  </si>
  <si>
    <t>なし</t>
    <phoneticPr fontId="1"/>
  </si>
  <si>
    <t>その他</t>
    <phoneticPr fontId="1"/>
  </si>
  <si>
    <t>・本年度、「教職員名簿（新規教職員用）」の提出がありますか。</t>
    <phoneticPr fontId="1"/>
  </si>
  <si>
    <t>（姓と名は一字空ける）</t>
  </si>
  <si>
    <t>＠</t>
    <phoneticPr fontId="1" alignment="distributed"/>
  </si>
  <si>
    <t>連絡用Eメール
アドレス</t>
    <rPh sb="0" eb="3">
      <t>レンラクヨウ</t>
    </rPh>
    <phoneticPr fontId="1" alignment="distributed"/>
  </si>
  <si>
    <r>
      <t>２　年齢別・入園年次別在園児数</t>
    </r>
    <r>
      <rPr>
        <sz val="12"/>
        <rFont val="ＭＳ ゴシック"/>
        <family val="3"/>
        <charset val="128"/>
      </rPr>
      <t>（各項目で０人の場合、必ず”0 ”を記入してください。）</t>
    </r>
    <rPh sb="2" eb="5">
      <t>ネンレイベツ</t>
    </rPh>
    <rPh sb="6" eb="8">
      <t>ニュウエン</t>
    </rPh>
    <rPh sb="8" eb="10">
      <t>ネンジ</t>
    </rPh>
    <rPh sb="10" eb="11">
      <t>ベツ</t>
    </rPh>
    <rPh sb="11" eb="12">
      <t>ザイ</t>
    </rPh>
    <rPh sb="12" eb="15">
      <t>エンジスウ</t>
    </rPh>
    <rPh sb="16" eb="17">
      <t>カク</t>
    </rPh>
    <rPh sb="17" eb="19">
      <t>コウモク</t>
    </rPh>
    <rPh sb="21" eb="22">
      <t>ニン</t>
    </rPh>
    <rPh sb="23" eb="25">
      <t>バアイ</t>
    </rPh>
    <rPh sb="26" eb="27">
      <t>カナラ</t>
    </rPh>
    <phoneticPr fontId="14"/>
  </si>
  <si>
    <r>
      <t>１　編成方式別学級数</t>
    </r>
    <r>
      <rPr>
        <sz val="12"/>
        <rFont val="ＭＳ ゴシック"/>
        <family val="3"/>
        <charset val="128"/>
      </rPr>
      <t>（０学級の場合、必ず”0 ”を記入してください。）</t>
    </r>
    <rPh sb="2" eb="4">
      <t>ヘンセイ</t>
    </rPh>
    <rPh sb="4" eb="6">
      <t>ホウシキ</t>
    </rPh>
    <rPh sb="6" eb="7">
      <t>ベツ</t>
    </rPh>
    <rPh sb="7" eb="9">
      <t>ガッキュウ</t>
    </rPh>
    <rPh sb="9" eb="10">
      <t>スウ</t>
    </rPh>
    <rPh sb="12" eb="14">
      <t>ガッキュウ</t>
    </rPh>
    <rPh sb="15" eb="17">
      <t>バアイ</t>
    </rPh>
    <rPh sb="18" eb="19">
      <t>カナラ</t>
    </rPh>
    <phoneticPr fontId="14"/>
  </si>
  <si>
    <t>区分</t>
    <rPh sb="0" eb="2">
      <t>クブン</t>
    </rPh>
    <phoneticPr fontId="1"/>
  </si>
  <si>
    <t>建物名</t>
    <rPh sb="0" eb="2">
      <t>タテモノ</t>
    </rPh>
    <rPh sb="2" eb="3">
      <t>メイ</t>
    </rPh>
    <phoneticPr fontId="1"/>
  </si>
  <si>
    <t>面積（㎡）</t>
    <rPh sb="0" eb="2">
      <t>メンセキ</t>
    </rPh>
    <phoneticPr fontId="1"/>
  </si>
  <si>
    <t>階数</t>
    <rPh sb="0" eb="2">
      <t>カイスウ</t>
    </rPh>
    <phoneticPr fontId="1"/>
  </si>
  <si>
    <t>Is値</t>
    <rPh sb="2" eb="3">
      <t>アタイ</t>
    </rPh>
    <phoneticPr fontId="1"/>
  </si>
  <si>
    <t>～</t>
    <phoneticPr fontId="14"/>
  </si>
  <si>
    <t>幼　　 稚 　　園　 　名</t>
    <phoneticPr fontId="1"/>
  </si>
  <si>
    <t>学校名</t>
    <phoneticPr fontId="1" alignment="distributed"/>
  </si>
  <si>
    <t>設置者</t>
    <rPh sb="0" eb="2">
      <t>セッチ</t>
    </rPh>
    <rPh sb="2" eb="3">
      <t>シャ</t>
    </rPh>
    <phoneticPr fontId="1"/>
  </si>
  <si>
    <t>学校法人</t>
    <rPh sb="0" eb="2">
      <t>ガッコウ</t>
    </rPh>
    <rPh sb="2" eb="4">
      <t>ホウジン</t>
    </rPh>
    <phoneticPr fontId="1"/>
  </si>
  <si>
    <t>設置者</t>
    <rPh sb="0" eb="2">
      <t>セッチ</t>
    </rPh>
    <rPh sb="2" eb="3">
      <t>シャ</t>
    </rPh>
    <phoneticPr fontId="1" alignment="distributed"/>
  </si>
  <si>
    <t>学校法人</t>
    <rPh sb="0" eb="2">
      <t>ガッコウ</t>
    </rPh>
    <rPh sb="2" eb="4">
      <t>ホウジン</t>
    </rPh>
    <phoneticPr fontId="1" alignment="distributed"/>
  </si>
  <si>
    <t>その他</t>
    <rPh sb="2" eb="3">
      <t>タ</t>
    </rPh>
    <phoneticPr fontId="1" alignment="distributed"/>
  </si>
  <si>
    <t>私学助成</t>
    <rPh sb="0" eb="2">
      <t>シガク</t>
    </rPh>
    <rPh sb="2" eb="4">
      <t>ジョセイ</t>
    </rPh>
    <phoneticPr fontId="1" alignment="distributed"/>
  </si>
  <si>
    <t>施設型給付</t>
    <rPh sb="0" eb="3">
      <t>シセツガタ</t>
    </rPh>
    <rPh sb="3" eb="5">
      <t>キュウフ</t>
    </rPh>
    <phoneticPr fontId="1" alignment="distributed"/>
  </si>
  <si>
    <t>・該当する回答欄に○を記入してください。</t>
    <phoneticPr fontId="1"/>
  </si>
  <si>
    <t>・該当する回答欄に○を</t>
    <rPh sb="1" eb="3">
      <t>ガイトウ</t>
    </rPh>
    <rPh sb="5" eb="7">
      <t>カイトウ</t>
    </rPh>
    <rPh sb="7" eb="8">
      <t>ラン</t>
    </rPh>
    <phoneticPr fontId="1"/>
  </si>
  <si>
    <t>　記入してください。</t>
    <phoneticPr fontId="1"/>
  </si>
  <si>
    <t>設置者</t>
    <rPh sb="0" eb="2">
      <t>セッチ</t>
    </rPh>
    <rPh sb="2" eb="3">
      <t>シャ</t>
    </rPh>
    <phoneticPr fontId="23"/>
  </si>
  <si>
    <t>学校法人</t>
    <rPh sb="0" eb="2">
      <t>ガッコウ</t>
    </rPh>
    <rPh sb="2" eb="4">
      <t>ホウジン</t>
    </rPh>
    <phoneticPr fontId="23"/>
  </si>
  <si>
    <t>その他</t>
    <rPh sb="2" eb="3">
      <t>タ</t>
    </rPh>
    <phoneticPr fontId="23"/>
  </si>
  <si>
    <t>私立学校現況調査票（幼稚園用　その３①）</t>
    <rPh sb="0" eb="2">
      <t>シリツ</t>
    </rPh>
    <rPh sb="2" eb="4">
      <t>ガッコウ</t>
    </rPh>
    <rPh sb="4" eb="6">
      <t>ゲンキョウ</t>
    </rPh>
    <rPh sb="6" eb="9">
      <t>チョウサヒョウ</t>
    </rPh>
    <rPh sb="10" eb="13">
      <t>ヨウチエン</t>
    </rPh>
    <rPh sb="13" eb="14">
      <t>ヨウ</t>
    </rPh>
    <phoneticPr fontId="23"/>
  </si>
  <si>
    <t>学校ｺｰﾄﾞ</t>
    <rPh sb="0" eb="2">
      <t>ガッコウ</t>
    </rPh>
    <phoneticPr fontId="23"/>
  </si>
  <si>
    <t>調査票には、これまで回答していただいた内容を集約し、記載しておりますので、内容に変更がないかご確認ください。</t>
    <rPh sb="37" eb="39">
      <t>ナイヨウ</t>
    </rPh>
    <rPh sb="40" eb="42">
      <t>ヘンコウ</t>
    </rPh>
    <rPh sb="47" eb="49">
      <t>カクニン</t>
    </rPh>
    <phoneticPr fontId="23"/>
  </si>
  <si>
    <t>調査項目を一部追加しておりますので、空欄箇所がある場合には追記してください。</t>
    <rPh sb="0" eb="2">
      <t>チョウサ</t>
    </rPh>
    <rPh sb="2" eb="4">
      <t>コウモク</t>
    </rPh>
    <rPh sb="5" eb="7">
      <t>イチブ</t>
    </rPh>
    <rPh sb="7" eb="9">
      <t>ツイカ</t>
    </rPh>
    <rPh sb="18" eb="20">
      <t>クウラン</t>
    </rPh>
    <phoneticPr fontId="23"/>
  </si>
  <si>
    <t>S56年
以前</t>
    <rPh sb="3" eb="4">
      <t>ネン</t>
    </rPh>
    <rPh sb="5" eb="7">
      <t>イゼン</t>
    </rPh>
    <phoneticPr fontId="1"/>
  </si>
  <si>
    <t>建築年
(和暦)</t>
    <rPh sb="0" eb="2">
      <t>ケンチク</t>
    </rPh>
    <rPh sb="2" eb="3">
      <t>ネン</t>
    </rPh>
    <rPh sb="5" eb="7">
      <t>ワレキ</t>
    </rPh>
    <phoneticPr fontId="1"/>
  </si>
  <si>
    <t>構造
区分</t>
    <rPh sb="0" eb="2">
      <t>コウゾウ</t>
    </rPh>
    <rPh sb="3" eb="5">
      <t>クブン</t>
    </rPh>
    <phoneticPr fontId="1"/>
  </si>
  <si>
    <t>耐震
診断</t>
    <rPh sb="0" eb="2">
      <t>タイシン</t>
    </rPh>
    <rPh sb="3" eb="5">
      <t>シンダン</t>
    </rPh>
    <phoneticPr fontId="1"/>
  </si>
  <si>
    <t>耐震診断
未実施理由</t>
    <rPh sb="0" eb="2">
      <t>タイシン</t>
    </rPh>
    <rPh sb="2" eb="4">
      <t>シンダン</t>
    </rPh>
    <rPh sb="5" eb="8">
      <t>ミジッシ</t>
    </rPh>
    <rPh sb="8" eb="10">
      <t>リユウ</t>
    </rPh>
    <phoneticPr fontId="23"/>
  </si>
  <si>
    <t>※　面積の合計が、学校基本調査票の回答と一致することを確認してください。</t>
    <phoneticPr fontId="23"/>
  </si>
  <si>
    <t>※　Is値（またはIw値）はX方向、Y方向などで複数の値がある場合は最小値を記入してください。</t>
    <rPh sb="4" eb="5">
      <t>アタイ</t>
    </rPh>
    <rPh sb="11" eb="12">
      <t>アタイ</t>
    </rPh>
    <phoneticPr fontId="23"/>
  </si>
  <si>
    <r>
      <t>　　また、耐震化を既に行っている場合でも、</t>
    </r>
    <r>
      <rPr>
        <b/>
        <u/>
        <sz val="16"/>
        <rFont val="ＭＳ 明朝"/>
        <family val="1"/>
        <charset val="128"/>
      </rPr>
      <t>耐震化前</t>
    </r>
    <r>
      <rPr>
        <sz val="16"/>
        <rFont val="ＭＳ 明朝"/>
        <family val="1"/>
        <charset val="128"/>
      </rPr>
      <t>の数値を記入してください。</t>
    </r>
    <rPh sb="29" eb="31">
      <t>キニュウ</t>
    </rPh>
    <phoneticPr fontId="23"/>
  </si>
  <si>
    <t>私 　学　 振 　興　 課 　使　 用　 欄</t>
    <rPh sb="0" eb="1">
      <t>ワタシ</t>
    </rPh>
    <rPh sb="3" eb="4">
      <t>ガク</t>
    </rPh>
    <rPh sb="6" eb="7">
      <t>オサム</t>
    </rPh>
    <rPh sb="9" eb="10">
      <t>キョウ</t>
    </rPh>
    <rPh sb="12" eb="13">
      <t>カ</t>
    </rPh>
    <rPh sb="15" eb="16">
      <t>シ</t>
    </rPh>
    <rPh sb="18" eb="19">
      <t>ヨウ</t>
    </rPh>
    <rPh sb="21" eb="22">
      <t>ラン</t>
    </rPh>
    <phoneticPr fontId="23"/>
  </si>
  <si>
    <t>[空欄]　　有 　・　 無　　　[変更]　　有 　・　 無</t>
    <rPh sb="1" eb="3">
      <t>クウラン</t>
    </rPh>
    <rPh sb="6" eb="7">
      <t>アリ</t>
    </rPh>
    <rPh sb="12" eb="13">
      <t>ナ</t>
    </rPh>
    <rPh sb="17" eb="19">
      <t>ヘンコウ</t>
    </rPh>
    <rPh sb="22" eb="23">
      <t>アリ</t>
    </rPh>
    <rPh sb="28" eb="29">
      <t>ナ</t>
    </rPh>
    <phoneticPr fontId="23"/>
  </si>
  <si>
    <t>～私立学校施設の耐震改修状況等～</t>
    <phoneticPr fontId="23"/>
  </si>
  <si>
    <t>また、内容に変更等がある場合は、該当箇所を赤ペンで取り消し、変更後のデータを余白に記入してください。</t>
    <phoneticPr fontId="23"/>
  </si>
  <si>
    <t>年月、理由等</t>
    <rPh sb="0" eb="2">
      <t>ネンゲツ</t>
    </rPh>
    <rPh sb="3" eb="5">
      <t>リユウ</t>
    </rPh>
    <rPh sb="5" eb="6">
      <t>トウ</t>
    </rPh>
    <phoneticPr fontId="23"/>
  </si>
  <si>
    <t>現状の耐震性</t>
    <rPh sb="0" eb="2">
      <t>ゲンジョウ</t>
    </rPh>
    <rPh sb="3" eb="6">
      <t>タイシンセイ</t>
    </rPh>
    <phoneticPr fontId="1"/>
  </si>
  <si>
    <t>耐震化予定（未使用化・取壊し含む）</t>
    <rPh sb="0" eb="3">
      <t>タイシンカ</t>
    </rPh>
    <rPh sb="3" eb="5">
      <t>ヨテイ</t>
    </rPh>
    <rPh sb="6" eb="9">
      <t>ミシヨウ</t>
    </rPh>
    <rPh sb="9" eb="10">
      <t>カ</t>
    </rPh>
    <rPh sb="11" eb="13">
      <t>トリコワ</t>
    </rPh>
    <rPh sb="14" eb="15">
      <t>フク</t>
    </rPh>
    <phoneticPr fontId="1"/>
  </si>
  <si>
    <t>耐震化の
方法</t>
    <rPh sb="0" eb="3">
      <t>タイシンカ</t>
    </rPh>
    <rPh sb="5" eb="7">
      <t>ホウホウ</t>
    </rPh>
    <phoneticPr fontId="1"/>
  </si>
  <si>
    <t>具体的な理由</t>
    <rPh sb="0" eb="3">
      <t>グタイテキ</t>
    </rPh>
    <rPh sb="4" eb="6">
      <t>リユウ</t>
    </rPh>
    <phoneticPr fontId="23"/>
  </si>
  <si>
    <t>現時点で耐震化未実施の主な理由等</t>
    <rPh sb="0" eb="3">
      <t>ゲンジテン</t>
    </rPh>
    <rPh sb="4" eb="7">
      <t>タイシンカ</t>
    </rPh>
    <rPh sb="7" eb="10">
      <t>ミジッシ</t>
    </rPh>
    <rPh sb="11" eb="12">
      <t>オモ</t>
    </rPh>
    <rPh sb="13" eb="15">
      <t>リユウ</t>
    </rPh>
    <rPh sb="15" eb="16">
      <t>トウ</t>
    </rPh>
    <phoneticPr fontId="16"/>
  </si>
  <si>
    <t>円</t>
    <rPh sb="0" eb="1">
      <t>エン</t>
    </rPh>
    <phoneticPr fontId="1"/>
  </si>
  <si>
    <t>・園児一人一食当たりの給食費（平均）</t>
    <rPh sb="1" eb="3">
      <t>エンジ</t>
    </rPh>
    <rPh sb="3" eb="5">
      <t>ヒトリ</t>
    </rPh>
    <rPh sb="5" eb="7">
      <t>イッショク</t>
    </rPh>
    <rPh sb="7" eb="8">
      <t>ア</t>
    </rPh>
    <rPh sb="11" eb="14">
      <t>キュウショクヒ</t>
    </rPh>
    <rPh sb="15" eb="17">
      <t>ヘイキン</t>
    </rPh>
    <phoneticPr fontId="1"/>
  </si>
  <si>
    <t>番号</t>
    <rPh sb="0" eb="2">
      <t>バンゴウ</t>
    </rPh>
    <phoneticPr fontId="23"/>
  </si>
  <si>
    <t>※太字部分は全教職員必須記入項目です。</t>
    <rPh sb="1" eb="3">
      <t>フトジ</t>
    </rPh>
    <rPh sb="3" eb="5">
      <t>ブブン</t>
    </rPh>
    <rPh sb="6" eb="7">
      <t>ゼン</t>
    </rPh>
    <rPh sb="7" eb="10">
      <t>キョウショクイン</t>
    </rPh>
    <rPh sb="10" eb="12">
      <t>ヒッス</t>
    </rPh>
    <rPh sb="12" eb="14">
      <t>キニュウ</t>
    </rPh>
    <rPh sb="14" eb="16">
      <t>コウモク</t>
    </rPh>
    <phoneticPr fontId="23"/>
  </si>
  <si>
    <t>台</t>
    <rPh sb="0" eb="1">
      <t>ダイ</t>
    </rPh>
    <phoneticPr fontId="1"/>
  </si>
  <si>
    <t>・実施している場合は台数を記入してください。</t>
    <phoneticPr fontId="1"/>
  </si>
  <si>
    <t xml:space="preserve"> 運行台数</t>
    <rPh sb="1" eb="3">
      <t>ウンコウ</t>
    </rPh>
    <rPh sb="3" eb="5">
      <t>ダイスウ</t>
    </rPh>
    <phoneticPr fontId="1"/>
  </si>
  <si>
    <t>(3)今年度から実施予定。</t>
    <rPh sb="3" eb="6">
      <t>コンネンド</t>
    </rPh>
    <rPh sb="8" eb="10">
      <t>ジッシ</t>
    </rPh>
    <rPh sb="10" eb="12">
      <t>ヨテイ</t>
    </rPh>
    <phoneticPr fontId="1"/>
  </si>
  <si>
    <t>実施予定時期</t>
    <rPh sb="0" eb="2">
      <t>ジッシ</t>
    </rPh>
    <rPh sb="2" eb="4">
      <t>ヨテイ</t>
    </rPh>
    <rPh sb="4" eb="6">
      <t>ジキ</t>
    </rPh>
    <phoneticPr fontId="1"/>
  </si>
  <si>
    <t>・(1)～(3)のいずれかに○を記入してください。</t>
    <phoneticPr fontId="1"/>
  </si>
  <si>
    <t>・(3)の場合は実施予定時期を記入してください。</t>
    <rPh sb="5" eb="7">
      <t>バアイ</t>
    </rPh>
    <rPh sb="8" eb="10">
      <t>ジッシ</t>
    </rPh>
    <rPh sb="10" eb="12">
      <t>ヨテイ</t>
    </rPh>
    <rPh sb="12" eb="14">
      <t>ジキ</t>
    </rPh>
    <rPh sb="15" eb="17">
      <t>キニュウ</t>
    </rPh>
    <phoneticPr fontId="1"/>
  </si>
  <si>
    <t>・実施状況についてご回答ください。</t>
    <rPh sb="1" eb="3">
      <t>ジッシ</t>
    </rPh>
    <rPh sb="3" eb="5">
      <t>ジョウキョウ</t>
    </rPh>
    <phoneticPr fontId="1"/>
  </si>
  <si>
    <t>設置者</t>
    <rPh sb="0" eb="3">
      <t>セッチシャ</t>
    </rPh>
    <phoneticPr fontId="14"/>
  </si>
  <si>
    <t>学校法人</t>
    <rPh sb="0" eb="2">
      <t>ガッコウ</t>
    </rPh>
    <rPh sb="2" eb="4">
      <t>ホウジン</t>
    </rPh>
    <phoneticPr fontId="14"/>
  </si>
  <si>
    <t>その他</t>
    <rPh sb="2" eb="3">
      <t>タ</t>
    </rPh>
    <phoneticPr fontId="14"/>
  </si>
  <si>
    <t>担当者名</t>
    <rPh sb="0" eb="3">
      <t>タントウシャ</t>
    </rPh>
    <rPh sb="3" eb="4">
      <t>メイ</t>
    </rPh>
    <phoneticPr fontId="14"/>
  </si>
  <si>
    <t>電話番号</t>
    <rPh sb="0" eb="2">
      <t>デンワ</t>
    </rPh>
    <rPh sb="2" eb="4">
      <t>バンゴウ</t>
    </rPh>
    <phoneticPr fontId="14"/>
  </si>
  <si>
    <t>R4.4.2</t>
    <phoneticPr fontId="14"/>
  </si>
  <si>
    <t>※本様式でご報告いただく調査項目の審査・集計については、業務委託を実施しております。
　回答内容について、修正や確認がある場合は委託事業者より確認の電話がありますので、あらかじめご了承ください。</t>
    <rPh sb="12" eb="14">
      <t>チョウサ</t>
    </rPh>
    <rPh sb="14" eb="16">
      <t>コウモク</t>
    </rPh>
    <rPh sb="17" eb="19">
      <t>シンサ</t>
    </rPh>
    <rPh sb="20" eb="22">
      <t>シュウケイ</t>
    </rPh>
    <rPh sb="28" eb="30">
      <t>ギョウム</t>
    </rPh>
    <phoneticPr fontId="14"/>
  </si>
  <si>
    <t>２　ティーム保育の実施状況について</t>
    <rPh sb="6" eb="8">
      <t>ホイク</t>
    </rPh>
    <rPh sb="9" eb="11">
      <t>ジッシ</t>
    </rPh>
    <rPh sb="11" eb="13">
      <t>ジョウキョウ</t>
    </rPh>
    <phoneticPr fontId="1"/>
  </si>
  <si>
    <t>３　給食の実施状況について</t>
    <rPh sb="2" eb="4">
      <t>キュウショク</t>
    </rPh>
    <rPh sb="5" eb="7">
      <t>ジッシ</t>
    </rPh>
    <rPh sb="7" eb="9">
      <t>ジョウキョウ</t>
    </rPh>
    <phoneticPr fontId="1"/>
  </si>
  <si>
    <t>４　満３歳児入園の実施について</t>
    <rPh sb="2" eb="3">
      <t>マン</t>
    </rPh>
    <rPh sb="3" eb="6">
      <t>サンサイジ</t>
    </rPh>
    <rPh sb="6" eb="8">
      <t>ニュウエン</t>
    </rPh>
    <rPh sb="9" eb="11">
      <t>ジッシ</t>
    </rPh>
    <phoneticPr fontId="1"/>
  </si>
  <si>
    <t>５　園バスによる送迎について</t>
    <rPh sb="2" eb="3">
      <t>エン</t>
    </rPh>
    <rPh sb="8" eb="10">
      <t>ソウゲイ</t>
    </rPh>
    <phoneticPr fontId="1"/>
  </si>
  <si>
    <t>６　新規教職員の採用の有無について</t>
    <rPh sb="2" eb="4">
      <t>シンキ</t>
    </rPh>
    <rPh sb="4" eb="7">
      <t>キョウショクイン</t>
    </rPh>
    <rPh sb="8" eb="10">
      <t>サイヨウ</t>
    </rPh>
    <rPh sb="11" eb="13">
      <t>ウム</t>
    </rPh>
    <phoneticPr fontId="1"/>
  </si>
  <si>
    <t>１　預かり保育の実施について（本県から補助金の交付を受けていない場合を含む）</t>
    <rPh sb="2" eb="3">
      <t>アズ</t>
    </rPh>
    <rPh sb="5" eb="7">
      <t>ホイク</t>
    </rPh>
    <rPh sb="8" eb="10">
      <t>ジッシ</t>
    </rPh>
    <rPh sb="15" eb="16">
      <t>ホン</t>
    </rPh>
    <rPh sb="16" eb="17">
      <t>ケン</t>
    </rPh>
    <rPh sb="19" eb="22">
      <t>ホジョキン</t>
    </rPh>
    <rPh sb="23" eb="25">
      <t>コウフ</t>
    </rPh>
    <rPh sb="26" eb="27">
      <t>ウ</t>
    </rPh>
    <rPh sb="32" eb="34">
      <t>バアイ</t>
    </rPh>
    <rPh sb="35" eb="36">
      <t>フク</t>
    </rPh>
    <phoneticPr fontId="1"/>
  </si>
  <si>
    <t>私 立 学 校 現 況 調 査 票（幼稚園用　その２）</t>
    <phoneticPr fontId="1"/>
  </si>
  <si>
    <t>※帰宅困難者等受入れ施設の登録のほか、災害対策に係る地方公共団体との協定、連携協力を文書により取り交わしている場合を含む。</t>
    <phoneticPr fontId="1"/>
  </si>
  <si>
    <t>複数</t>
    <rPh sb="0" eb="2">
      <t>フクスウ</t>
    </rPh>
    <phoneticPr fontId="1"/>
  </si>
  <si>
    <t>回答可</t>
    <phoneticPr fontId="1"/>
  </si>
  <si>
    <t>毎月一定額
の手当</t>
    <rPh sb="0" eb="2">
      <t>マイツキ</t>
    </rPh>
    <rPh sb="2" eb="4">
      <t>イッテイ</t>
    </rPh>
    <rPh sb="4" eb="5">
      <t>ガク</t>
    </rPh>
    <rPh sb="7" eb="9">
      <t>テアテ</t>
    </rPh>
    <phoneticPr fontId="23"/>
  </si>
  <si>
    <t>月ごとに
異なる手当</t>
    <rPh sb="0" eb="1">
      <t>ツキ</t>
    </rPh>
    <rPh sb="5" eb="6">
      <t>コト</t>
    </rPh>
    <rPh sb="8" eb="10">
      <t>テアテ</t>
    </rPh>
    <phoneticPr fontId="23"/>
  </si>
  <si>
    <t>時 給 額</t>
    <rPh sb="0" eb="1">
      <t>ジ</t>
    </rPh>
    <rPh sb="4" eb="5">
      <t>ガク</t>
    </rPh>
    <phoneticPr fontId="23"/>
  </si>
  <si>
    <t>労　働</t>
    <rPh sb="0" eb="1">
      <t>ロウ</t>
    </rPh>
    <rPh sb="2" eb="3">
      <t>ドウ</t>
    </rPh>
    <phoneticPr fontId="23"/>
  </si>
  <si>
    <t>※時給制の場合はこちらも記載</t>
    <rPh sb="1" eb="3">
      <t>ジキュウ</t>
    </rPh>
    <rPh sb="2" eb="3">
      <t>キュウ</t>
    </rPh>
    <rPh sb="3" eb="4">
      <t>セイ</t>
    </rPh>
    <rPh sb="5" eb="7">
      <t>バアイ</t>
    </rPh>
    <rPh sb="12" eb="14">
      <t>キサイ</t>
    </rPh>
    <phoneticPr fontId="23"/>
  </si>
  <si>
    <r>
      <rPr>
        <sz val="11"/>
        <rFont val="ＭＳ Ｐゴシック"/>
        <family val="3"/>
        <charset val="128"/>
      </rPr>
      <t>提出期限：</t>
    </r>
    <r>
      <rPr>
        <u val="double"/>
        <sz val="14"/>
        <rFont val="ＭＳ Ｐゴシック"/>
        <family val="3"/>
        <charset val="128"/>
      </rPr>
      <t xml:space="preserve">
</t>
    </r>
    <r>
      <rPr>
        <u val="double"/>
        <sz val="14"/>
        <color rgb="FFFF0000"/>
        <rFont val="ＭＳ Ｐゴシック"/>
        <family val="3"/>
        <charset val="128"/>
      </rPr>
      <t>令和８年５月11日（月）</t>
    </r>
    <r>
      <rPr>
        <u val="double"/>
        <sz val="14"/>
        <rFont val="ＭＳ Ｐゴシック"/>
        <family val="3"/>
        <charset val="128"/>
      </rPr>
      <t>　※郵送必着</t>
    </r>
    <rPh sb="0" eb="2">
      <t>テイシュツ</t>
    </rPh>
    <rPh sb="2" eb="4">
      <t>キゲン</t>
    </rPh>
    <rPh sb="6" eb="8">
      <t>レイワ</t>
    </rPh>
    <rPh sb="9" eb="10">
      <t>ネン</t>
    </rPh>
    <rPh sb="11" eb="12">
      <t>ガツ</t>
    </rPh>
    <rPh sb="14" eb="15">
      <t>ニチ</t>
    </rPh>
    <rPh sb="16" eb="17">
      <t>ゲツ</t>
    </rPh>
    <rPh sb="20" eb="22">
      <t>ユウソウ</t>
    </rPh>
    <rPh sb="22" eb="24">
      <t>ヒッチャク</t>
    </rPh>
    <phoneticPr fontId="1" alignment="distributed"/>
  </si>
  <si>
    <t>　　　　　令　和　８  年  度</t>
    <rPh sb="5" eb="6">
      <t>レイ</t>
    </rPh>
    <rPh sb="7" eb="8">
      <t>ワ</t>
    </rPh>
    <phoneticPr fontId="1"/>
  </si>
  <si>
    <r>
      <t>(</t>
    </r>
    <r>
      <rPr>
        <sz val="10"/>
        <color indexed="10"/>
        <rFont val="ＭＳ 明朝"/>
        <family val="1"/>
        <charset val="128"/>
      </rPr>
      <t>令和８年５月１日</t>
    </r>
    <r>
      <rPr>
        <sz val="10"/>
        <rFont val="ＭＳ 明朝"/>
        <family val="1"/>
        <charset val="128"/>
      </rPr>
      <t>現在）</t>
    </r>
    <rPh sb="1" eb="3">
      <t>レイワ</t>
    </rPh>
    <phoneticPr fontId="1"/>
  </si>
  <si>
    <t>（令和８年５月１日現在・４月分給与実績）</t>
    <rPh sb="1" eb="3">
      <t>レイワ</t>
    </rPh>
    <rPh sb="4" eb="5">
      <t>ネン</t>
    </rPh>
    <rPh sb="6" eb="7">
      <t>ガツ</t>
    </rPh>
    <rPh sb="8" eb="9">
      <t>ニチ</t>
    </rPh>
    <rPh sb="9" eb="11">
      <t>ゲンザイ</t>
    </rPh>
    <rPh sb="13" eb="15">
      <t>ガツブン</t>
    </rPh>
    <rPh sb="15" eb="17">
      <t>キュウヨ</t>
    </rPh>
    <rPh sb="17" eb="19">
      <t>ジッセキ</t>
    </rPh>
    <phoneticPr fontId="23"/>
  </si>
  <si>
    <t>R5.4.2</t>
    <phoneticPr fontId="14"/>
  </si>
  <si>
    <t>R5.5.1</t>
    <phoneticPr fontId="14"/>
  </si>
  <si>
    <t>R5.4.1</t>
    <phoneticPr fontId="14"/>
  </si>
  <si>
    <r>
      <t>この調査票は、令和</t>
    </r>
    <r>
      <rPr>
        <sz val="14"/>
        <color rgb="FFFF0000"/>
        <rFont val="ＭＳ 明朝"/>
        <family val="1"/>
        <charset val="128"/>
      </rPr>
      <t>８</t>
    </r>
    <r>
      <rPr>
        <sz val="14"/>
        <rFont val="ＭＳ 明朝"/>
        <family val="1"/>
        <charset val="128"/>
      </rPr>
      <t>年５月１日現在の状況に基づいて、幼稚園ごとに作成してください。</t>
    </r>
    <phoneticPr fontId="14"/>
  </si>
  <si>
    <t>満３歳</t>
    <rPh sb="0" eb="1">
      <t>マン</t>
    </rPh>
    <rPh sb="2" eb="3">
      <t>サイ</t>
    </rPh>
    <phoneticPr fontId="14"/>
  </si>
  <si>
    <r>
      <t>（令和</t>
    </r>
    <r>
      <rPr>
        <sz val="18"/>
        <color rgb="FFFF0000"/>
        <rFont val="ＭＳ ゴシック"/>
        <family val="3"/>
        <charset val="128"/>
      </rPr>
      <t>８</t>
    </r>
    <r>
      <rPr>
        <sz val="18"/>
        <rFont val="ＭＳ ゴシック"/>
        <family val="3"/>
        <charset val="128"/>
      </rPr>
      <t>年度）</t>
    </r>
    <rPh sb="1" eb="3">
      <t>レイワ</t>
    </rPh>
    <rPh sb="4" eb="6">
      <t>ネンド</t>
    </rPh>
    <phoneticPr fontId="1"/>
  </si>
  <si>
    <r>
      <t>令和</t>
    </r>
    <r>
      <rPr>
        <sz val="11"/>
        <color rgb="FFFF0000"/>
        <rFont val="ＭＳ Ｐ明朝"/>
        <family val="1"/>
        <charset val="128"/>
      </rPr>
      <t>８</t>
    </r>
    <r>
      <rPr>
        <sz val="11"/>
        <rFont val="ＭＳ Ｐ明朝"/>
        <family val="1"/>
        <charset val="128"/>
      </rPr>
      <t>年度助成</t>
    </r>
    <rPh sb="0" eb="2">
      <t>レイワ</t>
    </rPh>
    <rPh sb="3" eb="5">
      <t>ネンド</t>
    </rPh>
    <rPh sb="5" eb="7">
      <t>ジョセイ</t>
    </rPh>
    <phoneticPr fontId="1" alignment="distributed"/>
  </si>
  <si>
    <t>５歳児</t>
    <rPh sb="1" eb="3">
      <t>サイジ</t>
    </rPh>
    <phoneticPr fontId="14"/>
  </si>
  <si>
    <t>４歳児</t>
    <rPh sb="1" eb="3">
      <t>サイジ</t>
    </rPh>
    <phoneticPr fontId="1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0_ "/>
  </numFmts>
  <fonts count="60" x14ac:knownFonts="1">
    <font>
      <sz val="11"/>
      <name val="ＭＳ Ｐゴシック"/>
      <family val="3"/>
      <charset val="128"/>
    </font>
    <font>
      <sz val="6"/>
      <name val="ＭＳ Ｐゴシック"/>
      <family val="3"/>
      <charset val="128"/>
    </font>
    <font>
      <sz val="12"/>
      <name val="ＭＳ Ｐ明朝"/>
      <family val="1"/>
      <charset val="128"/>
    </font>
    <font>
      <sz val="11"/>
      <name val="ＭＳ Ｐ明朝"/>
      <family val="1"/>
      <charset val="128"/>
    </font>
    <font>
      <sz val="9"/>
      <name val="ＭＳ Ｐ明朝"/>
      <family val="1"/>
      <charset val="128"/>
    </font>
    <font>
      <sz val="9"/>
      <name val="ＭＳ Ｐゴシック"/>
      <family val="3"/>
      <charset val="128"/>
    </font>
    <font>
      <sz val="10"/>
      <name val="ＭＳ Ｐ明朝"/>
      <family val="1"/>
      <charset val="128"/>
    </font>
    <font>
      <sz val="16"/>
      <name val="ＭＳ Ｐ明朝"/>
      <family val="1"/>
      <charset val="128"/>
    </font>
    <font>
      <sz val="14"/>
      <name val="ＭＳ Ｐ明朝"/>
      <family val="1"/>
      <charset val="128"/>
    </font>
    <font>
      <sz val="10"/>
      <name val="ＭＳ 明朝"/>
      <family val="1"/>
      <charset val="128"/>
    </font>
    <font>
      <sz val="10"/>
      <name val="ＭＳ Ｐゴシック"/>
      <family val="3"/>
      <charset val="128"/>
    </font>
    <font>
      <b/>
      <sz val="22"/>
      <name val="ゴシック"/>
      <family val="3"/>
      <charset val="128"/>
    </font>
    <font>
      <b/>
      <sz val="22"/>
      <name val="Wingdings"/>
      <charset val="2"/>
    </font>
    <font>
      <sz val="11"/>
      <name val="ＭＳ 明朝"/>
      <family val="1"/>
      <charset val="128"/>
    </font>
    <font>
      <sz val="6"/>
      <name val="ＭＳ Ｐ明朝"/>
      <family val="1"/>
      <charset val="128"/>
    </font>
    <font>
      <sz val="14"/>
      <name val="ＭＳ 明朝"/>
      <family val="1"/>
      <charset val="128"/>
    </font>
    <font>
      <sz val="12"/>
      <name val="ＭＳ 明朝"/>
      <family val="1"/>
      <charset val="128"/>
    </font>
    <font>
      <sz val="16"/>
      <name val="ＭＳ 明朝"/>
      <family val="1"/>
      <charset val="128"/>
    </font>
    <font>
      <sz val="8"/>
      <name val="ＭＳ 明朝"/>
      <family val="1"/>
      <charset val="128"/>
    </font>
    <font>
      <sz val="14"/>
      <name val="ＭＳ ゴシック"/>
      <family val="3"/>
      <charset val="128"/>
    </font>
    <font>
      <sz val="9"/>
      <name val="ＭＳ 明朝"/>
      <family val="1"/>
      <charset val="128"/>
    </font>
    <font>
      <sz val="11"/>
      <name val="ＭＳ ゴシック"/>
      <family val="3"/>
      <charset val="128"/>
    </font>
    <font>
      <sz val="18"/>
      <name val="ＭＳ 明朝"/>
      <family val="1"/>
      <charset val="128"/>
    </font>
    <font>
      <sz val="6"/>
      <name val="ＭＳ 明朝"/>
      <family val="1"/>
      <charset val="128"/>
    </font>
    <font>
      <sz val="12"/>
      <name val="ＭＳ ゴシック"/>
      <family val="3"/>
      <charset val="128"/>
    </font>
    <font>
      <sz val="10"/>
      <name val="ＭＳ ゴシック"/>
      <family val="3"/>
      <charset val="128"/>
    </font>
    <font>
      <sz val="8"/>
      <name val="ＭＳ Ｐ明朝"/>
      <family val="1"/>
      <charset val="128"/>
    </font>
    <font>
      <sz val="24"/>
      <name val="ＭＳ 明朝"/>
      <family val="1"/>
      <charset val="128"/>
    </font>
    <font>
      <sz val="18"/>
      <name val="ＭＳ ゴシック"/>
      <family val="3"/>
      <charset val="128"/>
    </font>
    <font>
      <sz val="11"/>
      <name val="ＭＳ Ｐゴシック"/>
      <family val="3"/>
      <charset val="128"/>
    </font>
    <font>
      <b/>
      <sz val="20"/>
      <name val="ゴシック"/>
      <family val="3"/>
      <charset val="128"/>
    </font>
    <font>
      <b/>
      <u/>
      <sz val="16"/>
      <name val="ＭＳ 明朝"/>
      <family val="1"/>
      <charset val="128"/>
    </font>
    <font>
      <sz val="10"/>
      <color indexed="10"/>
      <name val="ＭＳ 明朝"/>
      <family val="1"/>
      <charset val="128"/>
    </font>
    <font>
      <sz val="12"/>
      <color theme="1"/>
      <name val="ＭＳ 明朝"/>
      <family val="1"/>
      <charset val="128"/>
    </font>
    <font>
      <sz val="11"/>
      <color rgb="FF000000"/>
      <name val="ＭＳ Ｐゴシック"/>
      <family val="3"/>
      <charset val="128"/>
    </font>
    <font>
      <sz val="14"/>
      <color theme="1"/>
      <name val="ＭＳ 明朝"/>
      <family val="1"/>
      <charset val="128"/>
    </font>
    <font>
      <b/>
      <sz val="16"/>
      <color theme="1"/>
      <name val="ＭＳ ゴシック"/>
      <family val="3"/>
      <charset val="128"/>
    </font>
    <font>
      <b/>
      <sz val="26"/>
      <color theme="1"/>
      <name val="ＭＳ ゴシック"/>
      <family val="3"/>
      <charset val="128"/>
    </font>
    <font>
      <sz val="18"/>
      <color theme="1"/>
      <name val="ＭＳ 明朝"/>
      <family val="1"/>
      <charset val="128"/>
    </font>
    <font>
      <sz val="16"/>
      <color theme="1"/>
      <name val="ＭＳ 明朝"/>
      <family val="1"/>
      <charset val="128"/>
    </font>
    <font>
      <sz val="12"/>
      <color theme="1"/>
      <name val="ＭＳ Ｐゴシック"/>
      <family val="3"/>
      <charset val="128"/>
      <scheme val="minor"/>
    </font>
    <font>
      <sz val="10"/>
      <name val="ＭＳ Ｐゴシック"/>
      <family val="3"/>
      <charset val="128"/>
      <scheme val="minor"/>
    </font>
    <font>
      <b/>
      <u/>
      <sz val="16"/>
      <color theme="1"/>
      <name val="ＭＳ 明朝"/>
      <family val="1"/>
      <charset val="128"/>
    </font>
    <font>
      <b/>
      <sz val="22"/>
      <color theme="1"/>
      <name val="ＭＳ 明朝"/>
      <family val="1"/>
      <charset val="128"/>
    </font>
    <font>
      <sz val="18"/>
      <color theme="1"/>
      <name val="ＭＳ Ｐゴシック"/>
      <family val="3"/>
      <charset val="128"/>
      <scheme val="minor"/>
    </font>
    <font>
      <b/>
      <sz val="22"/>
      <color theme="1"/>
      <name val="ＭＳ Ｐゴシック"/>
      <family val="3"/>
      <charset val="128"/>
      <scheme val="minor"/>
    </font>
    <font>
      <sz val="14"/>
      <color theme="1"/>
      <name val="ＭＳ ゴシック"/>
      <family val="3"/>
      <charset val="128"/>
    </font>
    <font>
      <sz val="11"/>
      <name val="ＭＳ Ｐゴシック"/>
      <family val="3"/>
      <charset val="128"/>
      <scheme val="minor"/>
    </font>
    <font>
      <b/>
      <sz val="18"/>
      <name val="ＭＳ Ｐゴシック"/>
      <family val="3"/>
      <charset val="128"/>
      <scheme val="minor"/>
    </font>
    <font>
      <sz val="11"/>
      <color theme="1"/>
      <name val="ＭＳ ゴシック"/>
      <family val="3"/>
      <charset val="128"/>
    </font>
    <font>
      <sz val="10.5"/>
      <color rgb="FF000000"/>
      <name val="ＭＳ 明朝"/>
      <family val="1"/>
      <charset val="128"/>
    </font>
    <font>
      <sz val="11"/>
      <color rgb="FFFF0000"/>
      <name val="ＭＳ 明朝"/>
      <family val="1"/>
      <charset val="128"/>
    </font>
    <font>
      <sz val="14"/>
      <color rgb="FFFF0000"/>
      <name val="ＭＳ 明朝"/>
      <family val="1"/>
      <charset val="128"/>
    </font>
    <font>
      <sz val="24"/>
      <color theme="1"/>
      <name val="ＭＳ Ｐゴシック"/>
      <family val="3"/>
      <charset val="128"/>
      <scheme val="major"/>
    </font>
    <font>
      <sz val="16"/>
      <color theme="1"/>
      <name val="ＭＳ Ｐゴシック"/>
      <family val="3"/>
      <charset val="128"/>
      <scheme val="major"/>
    </font>
    <font>
      <u val="double"/>
      <sz val="14"/>
      <name val="ＭＳ Ｐゴシック"/>
      <family val="3"/>
      <charset val="128"/>
    </font>
    <font>
      <sz val="12"/>
      <color rgb="FFFF0000"/>
      <name val="ＭＳ Ｐ明朝"/>
      <family val="1"/>
      <charset val="128"/>
    </font>
    <font>
      <u val="double"/>
      <sz val="14"/>
      <color rgb="FFFF0000"/>
      <name val="ＭＳ Ｐゴシック"/>
      <family val="3"/>
      <charset val="128"/>
    </font>
    <font>
      <sz val="11"/>
      <color rgb="FFFF0000"/>
      <name val="ＭＳ Ｐ明朝"/>
      <family val="1"/>
      <charset val="128"/>
    </font>
    <font>
      <sz val="18"/>
      <color rgb="FFFF0000"/>
      <name val="ＭＳ ゴシック"/>
      <family val="3"/>
      <charset val="128"/>
    </font>
  </fonts>
  <fills count="3">
    <fill>
      <patternFill patternType="none"/>
    </fill>
    <fill>
      <patternFill patternType="gray125"/>
    </fill>
    <fill>
      <patternFill patternType="solid">
        <fgColor rgb="FFFFFF00"/>
        <bgColor indexed="64"/>
      </patternFill>
    </fill>
  </fills>
  <borders count="137">
    <border>
      <left/>
      <right/>
      <top/>
      <bottom/>
      <diagonal/>
    </border>
    <border>
      <left/>
      <right/>
      <top style="dotted">
        <color indexed="64"/>
      </top>
      <bottom/>
      <diagonal/>
    </border>
    <border>
      <left/>
      <right/>
      <top/>
      <bottom style="thin">
        <color indexed="64"/>
      </bottom>
      <diagonal/>
    </border>
    <border>
      <left/>
      <right style="medium">
        <color indexed="64"/>
      </right>
      <top/>
      <bottom style="thin">
        <color indexed="64"/>
      </bottom>
      <diagonal/>
    </border>
    <border>
      <left style="medium">
        <color indexed="64"/>
      </left>
      <right/>
      <top/>
      <bottom/>
      <diagonal/>
    </border>
    <border>
      <left/>
      <right/>
      <top style="thin">
        <color indexed="64"/>
      </top>
      <bottom/>
      <diagonal/>
    </border>
    <border>
      <left/>
      <right style="medium">
        <color indexed="64"/>
      </right>
      <top style="thin">
        <color indexed="64"/>
      </top>
      <bottom/>
      <diagonal/>
    </border>
    <border>
      <left/>
      <right style="medium">
        <color indexed="64"/>
      </right>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thin">
        <color indexed="64"/>
      </left>
      <right/>
      <top/>
      <bottom/>
      <diagonal/>
    </border>
    <border>
      <left style="thin">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otted">
        <color indexed="64"/>
      </left>
      <right style="thin">
        <color indexed="64"/>
      </right>
      <top style="thin">
        <color indexed="64"/>
      </top>
      <bottom/>
      <diagonal/>
    </border>
    <border>
      <left/>
      <right style="medium">
        <color indexed="64"/>
      </right>
      <top style="thin">
        <color indexed="64"/>
      </top>
      <bottom style="thin">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style="thin">
        <color indexed="64"/>
      </left>
      <right style="dotted">
        <color indexed="64"/>
      </right>
      <top style="thin">
        <color indexed="64"/>
      </top>
      <bottom/>
      <diagonal/>
    </border>
    <border>
      <left style="dotted">
        <color indexed="64"/>
      </left>
      <right style="medium">
        <color indexed="64"/>
      </right>
      <top style="thin">
        <color indexed="64"/>
      </top>
      <bottom/>
      <diagonal/>
    </border>
    <border>
      <left style="medium">
        <color indexed="64"/>
      </left>
      <right style="dotted">
        <color indexed="64"/>
      </right>
      <top style="thin">
        <color indexed="64"/>
      </top>
      <bottom/>
      <diagonal/>
    </border>
    <border>
      <left style="medium">
        <color indexed="64"/>
      </left>
      <right style="dotted">
        <color indexed="64"/>
      </right>
      <top/>
      <bottom style="medium">
        <color indexed="64"/>
      </bottom>
      <diagonal/>
    </border>
    <border>
      <left style="dotted">
        <color indexed="64"/>
      </left>
      <right style="thin">
        <color indexed="64"/>
      </right>
      <top/>
      <bottom style="medium">
        <color indexed="64"/>
      </bottom>
      <diagonal/>
    </border>
    <border>
      <left style="thin">
        <color indexed="64"/>
      </left>
      <right style="dotted">
        <color indexed="64"/>
      </right>
      <top/>
      <bottom style="medium">
        <color indexed="64"/>
      </bottom>
      <diagonal/>
    </border>
    <border>
      <left style="thin">
        <color indexed="64"/>
      </left>
      <right/>
      <top/>
      <bottom style="medium">
        <color indexed="64"/>
      </bottom>
      <diagonal/>
    </border>
    <border>
      <left style="dotted">
        <color indexed="64"/>
      </left>
      <right style="medium">
        <color indexed="64"/>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dotted">
        <color indexed="64"/>
      </left>
      <right style="dotted">
        <color indexed="64"/>
      </right>
      <top style="thin">
        <color indexed="64"/>
      </top>
      <bottom/>
      <diagonal/>
    </border>
    <border>
      <left style="dotted">
        <color indexed="64"/>
      </left>
      <right/>
      <top style="thin">
        <color indexed="64"/>
      </top>
      <bottom/>
      <diagonal/>
    </border>
    <border>
      <left style="medium">
        <color indexed="64"/>
      </left>
      <right style="dotted">
        <color indexed="64"/>
      </right>
      <top/>
      <bottom/>
      <diagonal/>
    </border>
    <border>
      <left style="dotted">
        <color indexed="64"/>
      </left>
      <right style="dotted">
        <color indexed="64"/>
      </right>
      <top/>
      <bottom/>
      <diagonal/>
    </border>
    <border>
      <left style="dotted">
        <color indexed="64"/>
      </left>
      <right style="thin">
        <color indexed="64"/>
      </right>
      <top/>
      <bottom/>
      <diagonal/>
    </border>
    <border>
      <left/>
      <right style="dotted">
        <color indexed="64"/>
      </right>
      <top/>
      <bottom/>
      <diagonal/>
    </border>
    <border>
      <left style="dotted">
        <color indexed="64"/>
      </left>
      <right/>
      <top/>
      <bottom/>
      <diagonal/>
    </border>
    <border>
      <left style="thin">
        <color indexed="64"/>
      </left>
      <right style="dotted">
        <color indexed="64"/>
      </right>
      <top/>
      <bottom/>
      <diagonal/>
    </border>
    <border>
      <left style="dotted">
        <color indexed="64"/>
      </left>
      <right style="medium">
        <color indexed="64"/>
      </right>
      <top/>
      <bottom/>
      <diagonal/>
    </border>
    <border>
      <left style="dotted">
        <color indexed="64"/>
      </left>
      <right style="dotted">
        <color indexed="64"/>
      </right>
      <top/>
      <bottom style="medium">
        <color indexed="64"/>
      </bottom>
      <diagonal/>
    </border>
    <border>
      <left/>
      <right style="dotted">
        <color indexed="64"/>
      </right>
      <top/>
      <bottom style="medium">
        <color indexed="64"/>
      </bottom>
      <diagonal/>
    </border>
    <border>
      <left style="dotted">
        <color indexed="64"/>
      </left>
      <right/>
      <top/>
      <bottom style="medium">
        <color indexed="64"/>
      </bottom>
      <diagonal/>
    </border>
    <border>
      <left/>
      <right style="dotted">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style="medium">
        <color indexed="64"/>
      </left>
      <right/>
      <top style="dotted">
        <color indexed="64"/>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style="medium">
        <color indexed="64"/>
      </right>
      <top/>
      <bottom/>
      <diagonal/>
    </border>
    <border>
      <left style="medium">
        <color indexed="64"/>
      </left>
      <right/>
      <top/>
      <bottom style="medium">
        <color indexed="64"/>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bottom style="dotted">
        <color indexed="64"/>
      </bottom>
      <diagonal/>
    </border>
    <border>
      <left/>
      <right style="medium">
        <color indexed="64"/>
      </right>
      <top/>
      <bottom style="dotted">
        <color indexed="64"/>
      </bottom>
      <diagonal/>
    </border>
    <border>
      <left style="thin">
        <color indexed="64"/>
      </left>
      <right/>
      <top style="dotted">
        <color indexed="64"/>
      </top>
      <bottom/>
      <diagonal/>
    </border>
    <border>
      <left style="medium">
        <color indexed="64"/>
      </left>
      <right/>
      <top style="dotted">
        <color indexed="64"/>
      </top>
      <bottom/>
      <diagonal/>
    </border>
    <border>
      <left/>
      <right style="medium">
        <color indexed="64"/>
      </right>
      <top style="dotted">
        <color indexed="64"/>
      </top>
      <bottom/>
      <diagonal/>
    </border>
    <border>
      <left style="thin">
        <color indexed="64"/>
      </left>
      <right/>
      <top/>
      <bottom style="dotted">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style="thin">
        <color indexed="64"/>
      </top>
      <bottom style="medium">
        <color indexed="64"/>
      </bottom>
      <diagonal/>
    </border>
    <border>
      <left/>
      <right style="thin">
        <color indexed="64"/>
      </right>
      <top style="dotted">
        <color indexed="64"/>
      </top>
      <bottom/>
      <diagonal/>
    </border>
    <border>
      <left/>
      <right style="thin">
        <color indexed="64"/>
      </right>
      <top style="medium">
        <color indexed="64"/>
      </top>
      <bottom/>
      <diagonal/>
    </border>
    <border>
      <left style="thin">
        <color indexed="64"/>
      </left>
      <right/>
      <top style="medium">
        <color indexed="64"/>
      </top>
      <bottom style="dotted">
        <color indexed="64"/>
      </bottom>
      <diagonal/>
    </border>
    <border>
      <left/>
      <right style="dotted">
        <color indexed="64"/>
      </right>
      <top style="medium">
        <color indexed="64"/>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indexed="64"/>
      </left>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style="dotted">
        <color indexed="64"/>
      </bottom>
      <diagonal/>
    </border>
    <border>
      <left/>
      <right style="thin">
        <color indexed="64"/>
      </right>
      <top/>
      <bottom style="dotted">
        <color indexed="64"/>
      </bottom>
      <diagonal/>
    </border>
    <border>
      <left style="thin">
        <color indexed="64"/>
      </left>
      <right style="dotted">
        <color indexed="64"/>
      </right>
      <top/>
      <bottom style="thin">
        <color indexed="64"/>
      </bottom>
      <diagonal/>
    </border>
    <border>
      <left style="dotted">
        <color indexed="64"/>
      </left>
      <right style="thin">
        <color indexed="64"/>
      </right>
      <top/>
      <bottom style="thin">
        <color indexed="64"/>
      </bottom>
      <diagonal/>
    </border>
    <border>
      <left style="dotted">
        <color indexed="64"/>
      </left>
      <right style="dotted">
        <color indexed="64"/>
      </right>
      <top/>
      <bottom style="thin">
        <color indexed="64"/>
      </bottom>
      <diagonal/>
    </border>
    <border>
      <left style="thin">
        <color indexed="64"/>
      </left>
      <right style="dashed">
        <color indexed="64"/>
      </right>
      <top/>
      <bottom/>
      <diagonal/>
    </border>
    <border>
      <left/>
      <right style="dotted">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medium">
        <color indexed="64"/>
      </bottom>
      <diagonal/>
    </border>
    <border>
      <left style="dotted">
        <color indexed="64"/>
      </left>
      <right/>
      <top/>
      <bottom style="thin">
        <color indexed="64"/>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style="thin">
        <color indexed="64"/>
      </right>
      <top style="thin">
        <color indexed="64"/>
      </top>
      <bottom style="dashed">
        <color indexed="64"/>
      </bottom>
      <diagonal/>
    </border>
    <border>
      <left style="thin">
        <color indexed="64"/>
      </left>
      <right/>
      <top/>
      <bottom style="dashed">
        <color indexed="64"/>
      </bottom>
      <diagonal/>
    </border>
    <border>
      <left/>
      <right style="medium">
        <color indexed="64"/>
      </right>
      <top/>
      <bottom style="dashed">
        <color indexed="64"/>
      </bottom>
      <diagonal/>
    </border>
    <border>
      <left style="dashed">
        <color indexed="64"/>
      </left>
      <right/>
      <top style="thin">
        <color indexed="64"/>
      </top>
      <bottom/>
      <diagonal/>
    </border>
    <border>
      <left style="dashed">
        <color indexed="64"/>
      </left>
      <right/>
      <top/>
      <bottom/>
      <diagonal/>
    </border>
    <border>
      <left style="dashed">
        <color indexed="64"/>
      </left>
      <right/>
      <top/>
      <bottom style="thin">
        <color indexed="64"/>
      </bottom>
      <diagonal/>
    </border>
    <border>
      <left style="medium">
        <color indexed="64"/>
      </left>
      <right style="thin">
        <color indexed="64"/>
      </right>
      <top/>
      <bottom style="medium">
        <color indexed="64"/>
      </bottom>
      <diagonal/>
    </border>
  </borders>
  <cellStyleXfs count="4">
    <xf numFmtId="0" fontId="0" fillId="0" borderId="0"/>
    <xf numFmtId="0" fontId="29" fillId="0" borderId="0"/>
    <xf numFmtId="0" fontId="13" fillId="0" borderId="0"/>
    <xf numFmtId="0" fontId="16" fillId="0" borderId="0">
      <alignment vertical="center"/>
    </xf>
  </cellStyleXfs>
  <cellXfs count="1117">
    <xf numFmtId="0" fontId="0" fillId="0" borderId="0" xfId="0"/>
    <xf numFmtId="0" fontId="0" fillId="0" borderId="0" xfId="0" applyAlignment="1">
      <alignment vertical="center"/>
    </xf>
    <xf numFmtId="0" fontId="17" fillId="0" borderId="0" xfId="3" applyFont="1" applyAlignment="1">
      <alignment horizontal="center" vertical="center"/>
    </xf>
    <xf numFmtId="0" fontId="16" fillId="0" borderId="0" xfId="3">
      <alignment vertical="center"/>
    </xf>
    <xf numFmtId="0" fontId="13" fillId="0" borderId="0" xfId="3" applyFont="1" applyAlignment="1">
      <alignment horizontal="center" vertical="center"/>
    </xf>
    <xf numFmtId="0" fontId="13" fillId="0" borderId="0" xfId="3" applyFont="1" applyBorder="1" applyAlignment="1">
      <alignment horizontal="distributed" vertical="center"/>
    </xf>
    <xf numFmtId="0" fontId="13" fillId="0" borderId="12" xfId="3" applyFont="1" applyBorder="1" applyAlignment="1">
      <alignment horizontal="distributed" vertical="center"/>
    </xf>
    <xf numFmtId="0" fontId="16" fillId="0" borderId="5" xfId="3" applyBorder="1">
      <alignment vertical="center"/>
    </xf>
    <xf numFmtId="0" fontId="16" fillId="0" borderId="15" xfId="3" applyBorder="1">
      <alignment vertical="center"/>
    </xf>
    <xf numFmtId="0" fontId="16" fillId="0" borderId="0" xfId="3" applyBorder="1">
      <alignment vertical="center"/>
    </xf>
    <xf numFmtId="0" fontId="16" fillId="0" borderId="8" xfId="3" applyBorder="1">
      <alignment vertical="center"/>
    </xf>
    <xf numFmtId="0" fontId="16" fillId="0" borderId="0" xfId="3" applyBorder="1" applyAlignment="1">
      <alignment vertical="center"/>
    </xf>
    <xf numFmtId="0" fontId="23" fillId="0" borderId="13" xfId="3" applyFont="1" applyBorder="1" applyAlignment="1">
      <alignment horizontal="left" vertical="center"/>
    </xf>
    <xf numFmtId="0" fontId="23" fillId="0" borderId="10" xfId="3" applyFont="1" applyBorder="1" applyAlignment="1">
      <alignment horizontal="right" vertical="center"/>
    </xf>
    <xf numFmtId="0" fontId="16" fillId="0" borderId="2" xfId="3" applyBorder="1">
      <alignment vertical="center"/>
    </xf>
    <xf numFmtId="0" fontId="16" fillId="0" borderId="17" xfId="3" applyBorder="1">
      <alignment vertical="center"/>
    </xf>
    <xf numFmtId="0" fontId="16" fillId="0" borderId="0" xfId="3" applyFont="1" applyBorder="1" applyAlignment="1">
      <alignment horizontal="center" vertical="center"/>
    </xf>
    <xf numFmtId="0" fontId="16" fillId="0" borderId="12" xfId="3" applyBorder="1">
      <alignment vertical="center"/>
    </xf>
    <xf numFmtId="0" fontId="16" fillId="0" borderId="13" xfId="3" applyBorder="1">
      <alignment vertical="center"/>
    </xf>
    <xf numFmtId="0" fontId="16" fillId="0" borderId="10" xfId="3" applyBorder="1">
      <alignment vertical="center"/>
    </xf>
    <xf numFmtId="0" fontId="16" fillId="0" borderId="0" xfId="3" applyFont="1" applyBorder="1" applyAlignment="1">
      <alignment horizontal="distributed" vertical="center"/>
    </xf>
    <xf numFmtId="0" fontId="9" fillId="0" borderId="13" xfId="3" applyFont="1" applyBorder="1" applyAlignment="1">
      <alignment horizontal="center" vertical="center"/>
    </xf>
    <xf numFmtId="0" fontId="9" fillId="0" borderId="2" xfId="3" applyFont="1" applyBorder="1" applyAlignment="1">
      <alignment horizontal="center" vertical="center"/>
    </xf>
    <xf numFmtId="0" fontId="9" fillId="0" borderId="10" xfId="3" applyFont="1" applyBorder="1" applyAlignment="1">
      <alignment horizontal="center" vertical="center"/>
    </xf>
    <xf numFmtId="0" fontId="23" fillId="0" borderId="2" xfId="3" applyFont="1" applyBorder="1" applyAlignment="1">
      <alignment horizontal="right" vertical="center"/>
    </xf>
    <xf numFmtId="0" fontId="23" fillId="0" borderId="2" xfId="3" applyFont="1" applyBorder="1" applyAlignment="1">
      <alignment horizontal="center" vertical="center" wrapText="1"/>
    </xf>
    <xf numFmtId="0" fontId="23" fillId="0" borderId="18" xfId="3" applyFont="1" applyBorder="1" applyAlignment="1">
      <alignment horizontal="center" vertical="center"/>
    </xf>
    <xf numFmtId="0" fontId="23" fillId="0" borderId="2" xfId="3" applyFont="1" applyBorder="1">
      <alignment vertical="center"/>
    </xf>
    <xf numFmtId="0" fontId="23" fillId="0" borderId="2" xfId="3" applyFont="1" applyBorder="1" applyAlignment="1">
      <alignment horizontal="left" vertical="center"/>
    </xf>
    <xf numFmtId="0" fontId="16" fillId="0" borderId="19" xfId="3" applyBorder="1" applyAlignment="1">
      <alignment horizontal="center" vertical="center"/>
    </xf>
    <xf numFmtId="0" fontId="9" fillId="0" borderId="20" xfId="3" applyFont="1" applyBorder="1" applyAlignment="1">
      <alignment horizontal="center" vertical="center"/>
    </xf>
    <xf numFmtId="0" fontId="16" fillId="0" borderId="18" xfId="3" applyBorder="1" applyAlignment="1">
      <alignment horizontal="center" vertical="center"/>
    </xf>
    <xf numFmtId="0" fontId="23" fillId="0" borderId="0" xfId="3" applyFont="1" applyBorder="1" applyAlignment="1">
      <alignment vertical="center" textRotation="255"/>
    </xf>
    <xf numFmtId="0" fontId="23" fillId="0" borderId="12" xfId="3" applyFont="1" applyBorder="1" applyAlignment="1">
      <alignment horizontal="left" vertical="center"/>
    </xf>
    <xf numFmtId="0" fontId="23" fillId="0" borderId="8" xfId="3" applyFont="1" applyBorder="1" applyAlignment="1">
      <alignment horizontal="right" vertical="center"/>
    </xf>
    <xf numFmtId="0" fontId="23" fillId="0" borderId="0" xfId="3" applyFont="1" applyBorder="1" applyAlignment="1">
      <alignment horizontal="center" vertical="center"/>
    </xf>
    <xf numFmtId="0" fontId="23" fillId="0" borderId="0" xfId="3" applyFont="1">
      <alignment vertical="center"/>
    </xf>
    <xf numFmtId="0" fontId="23" fillId="0" borderId="15" xfId="3" applyFont="1" applyBorder="1" applyAlignment="1">
      <alignment horizontal="right" vertical="center"/>
    </xf>
    <xf numFmtId="0" fontId="23" fillId="0" borderId="5" xfId="3" applyFont="1" applyBorder="1" applyAlignment="1">
      <alignment horizontal="right" vertical="center"/>
    </xf>
    <xf numFmtId="0" fontId="23" fillId="0" borderId="21" xfId="3" applyFont="1" applyBorder="1" applyAlignment="1">
      <alignment horizontal="right" vertical="center"/>
    </xf>
    <xf numFmtId="0" fontId="0" fillId="0" borderId="2" xfId="0" applyBorder="1" applyAlignment="1">
      <alignment horizontal="center" vertical="center"/>
    </xf>
    <xf numFmtId="0" fontId="13" fillId="0" borderId="0" xfId="0" applyFont="1" applyFill="1" applyBorder="1" applyAlignment="1">
      <alignment horizontal="center" vertical="center"/>
    </xf>
    <xf numFmtId="0" fontId="13" fillId="0" borderId="22" xfId="0" applyFont="1" applyFill="1" applyBorder="1" applyAlignment="1">
      <alignment vertical="center"/>
    </xf>
    <xf numFmtId="0" fontId="13" fillId="0" borderId="23" xfId="0" applyFont="1" applyFill="1" applyBorder="1" applyAlignment="1">
      <alignment vertical="center"/>
    </xf>
    <xf numFmtId="0" fontId="9" fillId="0" borderId="5" xfId="2" applyFont="1" applyFill="1" applyBorder="1" applyAlignment="1">
      <alignment horizontal="center" vertical="center"/>
    </xf>
    <xf numFmtId="0" fontId="9" fillId="0" borderId="17" xfId="2" applyFont="1" applyFill="1" applyBorder="1" applyAlignment="1">
      <alignment horizontal="center" vertical="center"/>
    </xf>
    <xf numFmtId="0" fontId="13" fillId="0" borderId="5" xfId="0" applyFont="1" applyFill="1" applyBorder="1" applyAlignment="1">
      <alignment vertical="center"/>
    </xf>
    <xf numFmtId="0" fontId="21" fillId="0" borderId="5" xfId="0" applyFont="1" applyFill="1" applyBorder="1" applyAlignment="1">
      <alignment vertical="center"/>
    </xf>
    <xf numFmtId="0" fontId="21" fillId="0" borderId="15" xfId="0" applyFont="1" applyFill="1" applyBorder="1" applyAlignment="1">
      <alignment vertical="center"/>
    </xf>
    <xf numFmtId="0" fontId="21" fillId="0" borderId="17" xfId="0" applyFont="1" applyFill="1" applyBorder="1" applyAlignment="1">
      <alignment vertical="center"/>
    </xf>
    <xf numFmtId="0" fontId="13" fillId="0" borderId="0" xfId="0" applyFont="1" applyFill="1" applyAlignment="1">
      <alignment vertical="center"/>
    </xf>
    <xf numFmtId="0" fontId="21" fillId="0" borderId="0" xfId="0" applyFont="1" applyFill="1" applyAlignment="1">
      <alignment vertical="center"/>
    </xf>
    <xf numFmtId="0" fontId="13" fillId="0" borderId="12" xfId="0" applyFont="1" applyFill="1" applyBorder="1" applyAlignment="1">
      <alignment vertical="center"/>
    </xf>
    <xf numFmtId="0" fontId="13" fillId="0" borderId="0" xfId="0" applyFont="1" applyFill="1" applyBorder="1" applyAlignment="1">
      <alignment vertical="center"/>
    </xf>
    <xf numFmtId="0" fontId="21" fillId="0" borderId="0" xfId="0" applyFont="1" applyFill="1" applyBorder="1" applyAlignment="1">
      <alignment vertical="center"/>
    </xf>
    <xf numFmtId="0" fontId="21" fillId="0" borderId="8" xfId="0" applyFont="1" applyFill="1" applyBorder="1" applyAlignment="1">
      <alignment vertical="center"/>
    </xf>
    <xf numFmtId="0" fontId="13" fillId="0" borderId="8" xfId="0" applyFont="1" applyFill="1" applyBorder="1" applyAlignment="1">
      <alignment vertical="center"/>
    </xf>
    <xf numFmtId="0" fontId="21" fillId="0" borderId="48" xfId="0" applyFont="1" applyFill="1" applyBorder="1" applyAlignment="1">
      <alignment vertical="center"/>
    </xf>
    <xf numFmtId="0" fontId="13" fillId="0" borderId="49" xfId="0" applyFont="1" applyFill="1" applyBorder="1" applyAlignment="1">
      <alignment vertical="center"/>
    </xf>
    <xf numFmtId="0" fontId="21" fillId="0" borderId="50" xfId="0" applyFont="1" applyFill="1" applyBorder="1" applyAlignment="1">
      <alignment vertical="center"/>
    </xf>
    <xf numFmtId="0" fontId="13" fillId="0" borderId="51" xfId="0" applyFont="1" applyFill="1" applyBorder="1" applyAlignment="1">
      <alignment vertical="center"/>
    </xf>
    <xf numFmtId="0" fontId="13" fillId="0" borderId="17" xfId="0" applyFont="1" applyFill="1" applyBorder="1" applyAlignment="1">
      <alignment vertical="center"/>
    </xf>
    <xf numFmtId="0" fontId="21" fillId="0" borderId="52" xfId="0" applyFont="1" applyFill="1" applyBorder="1" applyAlignment="1">
      <alignment vertical="center"/>
    </xf>
    <xf numFmtId="0" fontId="13" fillId="0" borderId="13" xfId="0" applyFont="1" applyFill="1" applyBorder="1" applyAlignment="1">
      <alignment vertical="center"/>
    </xf>
    <xf numFmtId="0" fontId="13" fillId="0" borderId="2" xfId="0" applyFont="1" applyFill="1" applyBorder="1" applyAlignment="1">
      <alignment vertical="center"/>
    </xf>
    <xf numFmtId="0" fontId="21" fillId="0" borderId="53" xfId="0" applyFont="1" applyFill="1" applyBorder="1" applyAlignment="1">
      <alignment vertical="center"/>
    </xf>
    <xf numFmtId="0" fontId="13" fillId="0" borderId="54" xfId="0" applyFont="1" applyFill="1" applyBorder="1" applyAlignment="1">
      <alignment vertical="center"/>
    </xf>
    <xf numFmtId="0" fontId="21" fillId="0" borderId="2" xfId="0" applyFont="1" applyFill="1" applyBorder="1" applyAlignment="1">
      <alignment vertical="center"/>
    </xf>
    <xf numFmtId="0" fontId="21" fillId="0" borderId="10" xfId="0" applyFont="1" applyFill="1" applyBorder="1" applyAlignment="1">
      <alignment vertical="center"/>
    </xf>
    <xf numFmtId="0" fontId="21" fillId="0" borderId="12" xfId="0" applyFont="1" applyFill="1" applyBorder="1" applyAlignment="1">
      <alignment vertical="center"/>
    </xf>
    <xf numFmtId="0" fontId="13" fillId="0" borderId="10" xfId="0" applyFont="1" applyFill="1" applyBorder="1" applyAlignment="1">
      <alignment vertical="center"/>
    </xf>
    <xf numFmtId="0" fontId="13" fillId="0" borderId="15" xfId="0" applyFont="1" applyFill="1" applyBorder="1" applyAlignment="1">
      <alignment vertical="center"/>
    </xf>
    <xf numFmtId="0" fontId="21" fillId="0" borderId="13" xfId="0" applyFont="1" applyFill="1" applyBorder="1" applyAlignment="1">
      <alignment vertical="center"/>
    </xf>
    <xf numFmtId="0" fontId="13" fillId="0" borderId="0" xfId="0" applyFont="1" applyFill="1" applyBorder="1" applyAlignment="1">
      <alignment vertical="center" wrapText="1"/>
    </xf>
    <xf numFmtId="0" fontId="13" fillId="0" borderId="0" xfId="2" applyFill="1" applyBorder="1" applyAlignment="1">
      <alignment vertical="center" wrapText="1"/>
    </xf>
    <xf numFmtId="0" fontId="9" fillId="0" borderId="0" xfId="2" applyFont="1" applyFill="1" applyBorder="1" applyAlignment="1">
      <alignment horizontal="center" vertical="center" wrapText="1"/>
    </xf>
    <xf numFmtId="0" fontId="0" fillId="0" borderId="15" xfId="0" applyBorder="1" applyAlignment="1">
      <alignment vertical="center"/>
    </xf>
    <xf numFmtId="0" fontId="0" fillId="0" borderId="70" xfId="0" applyBorder="1" applyAlignment="1">
      <alignment vertical="center"/>
    </xf>
    <xf numFmtId="0" fontId="13" fillId="0" borderId="0" xfId="0" applyNumberFormat="1" applyFont="1" applyFill="1" applyBorder="1" applyAlignment="1">
      <alignment horizontal="center" vertical="center"/>
    </xf>
    <xf numFmtId="0" fontId="13" fillId="0" borderId="0" xfId="0" applyNumberFormat="1" applyFont="1" applyFill="1" applyBorder="1" applyAlignment="1">
      <alignment vertical="center"/>
    </xf>
    <xf numFmtId="0" fontId="15" fillId="0" borderId="0" xfId="0" applyFont="1" applyAlignment="1">
      <alignment vertical="center"/>
    </xf>
    <xf numFmtId="0" fontId="35" fillId="0" borderId="0" xfId="0" applyFont="1" applyAlignment="1">
      <alignment horizontal="left" vertical="center"/>
    </xf>
    <xf numFmtId="0" fontId="33" fillId="0" borderId="69" xfId="0" applyFont="1" applyBorder="1" applyAlignment="1">
      <alignment horizontal="center" vertical="center"/>
    </xf>
    <xf numFmtId="0" fontId="36" fillId="0" borderId="69" xfId="0" applyFont="1" applyBorder="1" applyAlignment="1">
      <alignment horizontal="center" vertical="center"/>
    </xf>
    <xf numFmtId="0" fontId="37" fillId="0" borderId="0" xfId="0" applyFont="1" applyAlignment="1">
      <alignment horizontal="left" vertical="center"/>
    </xf>
    <xf numFmtId="0" fontId="33" fillId="0" borderId="0" xfId="0" applyFont="1" applyAlignment="1">
      <alignment vertical="center"/>
    </xf>
    <xf numFmtId="0" fontId="38" fillId="0" borderId="69" xfId="0" applyFont="1" applyBorder="1" applyAlignment="1">
      <alignment horizontal="left" vertical="center"/>
    </xf>
    <xf numFmtId="0" fontId="37" fillId="0" borderId="0" xfId="0" applyFont="1" applyAlignment="1">
      <alignment horizontal="center" vertical="center"/>
    </xf>
    <xf numFmtId="0" fontId="38" fillId="0" borderId="0" xfId="0" applyFont="1" applyAlignment="1">
      <alignment horizontal="left" vertical="center"/>
    </xf>
    <xf numFmtId="0" fontId="38" fillId="0" borderId="0" xfId="0" applyFont="1" applyAlignment="1">
      <alignment horizontal="center" vertical="center"/>
    </xf>
    <xf numFmtId="0" fontId="35" fillId="0" borderId="0" xfId="0" applyFont="1" applyAlignment="1">
      <alignment vertical="center"/>
    </xf>
    <xf numFmtId="0" fontId="39" fillId="0" borderId="0" xfId="0" applyFont="1" applyAlignment="1">
      <alignment horizontal="left" vertical="center"/>
    </xf>
    <xf numFmtId="0" fontId="40" fillId="0" borderId="0" xfId="0" applyFont="1" applyAlignment="1">
      <alignment vertical="center"/>
    </xf>
    <xf numFmtId="0" fontId="41" fillId="0" borderId="0" xfId="0" applyFont="1" applyBorder="1" applyAlignment="1">
      <alignment vertical="center"/>
    </xf>
    <xf numFmtId="0" fontId="9" fillId="0" borderId="0" xfId="0" applyFont="1" applyBorder="1" applyAlignment="1">
      <alignment vertical="center"/>
    </xf>
    <xf numFmtId="0" fontId="42" fillId="0" borderId="0" xfId="0" applyFont="1" applyAlignment="1">
      <alignment horizontal="left" vertical="center"/>
    </xf>
    <xf numFmtId="0" fontId="43" fillId="0" borderId="0" xfId="0" applyFont="1" applyAlignment="1">
      <alignment horizontal="center" vertical="center"/>
    </xf>
    <xf numFmtId="0" fontId="44" fillId="0" borderId="0" xfId="0" applyFont="1" applyAlignment="1">
      <alignment vertical="center"/>
    </xf>
    <xf numFmtId="0" fontId="45" fillId="0" borderId="0" xfId="0" applyFont="1" applyAlignment="1">
      <alignment horizontal="center" vertical="center"/>
    </xf>
    <xf numFmtId="0" fontId="38" fillId="0" borderId="0" xfId="0" applyFont="1" applyAlignment="1">
      <alignment vertical="center"/>
    </xf>
    <xf numFmtId="0" fontId="46" fillId="0" borderId="0" xfId="0" applyFont="1" applyAlignment="1">
      <alignment horizontal="left" vertical="center"/>
    </xf>
    <xf numFmtId="0" fontId="36" fillId="0" borderId="0" xfId="0" applyFont="1" applyAlignment="1">
      <alignment horizontal="center" vertical="center"/>
    </xf>
    <xf numFmtId="0" fontId="19" fillId="0" borderId="71" xfId="0" applyFont="1" applyBorder="1" applyAlignment="1">
      <alignment horizontal="center" vertical="center" shrinkToFit="1"/>
    </xf>
    <xf numFmtId="176" fontId="19" fillId="0" borderId="71" xfId="0" applyNumberFormat="1" applyFont="1" applyBorder="1" applyAlignment="1">
      <alignment vertical="center" shrinkToFit="1"/>
    </xf>
    <xf numFmtId="0" fontId="19" fillId="0" borderId="72" xfId="0" applyFont="1" applyBorder="1" applyAlignment="1">
      <alignment horizontal="center" vertical="center" shrinkToFit="1"/>
    </xf>
    <xf numFmtId="0" fontId="19" fillId="0" borderId="73" xfId="0" applyFont="1" applyBorder="1" applyAlignment="1">
      <alignment horizontal="center" vertical="center" shrinkToFit="1"/>
    </xf>
    <xf numFmtId="176" fontId="19" fillId="0" borderId="74" xfId="0" applyNumberFormat="1" applyFont="1" applyBorder="1" applyAlignment="1">
      <alignment horizontal="center" vertical="center" shrinkToFit="1"/>
    </xf>
    <xf numFmtId="176" fontId="19" fillId="0" borderId="71" xfId="0" applyNumberFormat="1" applyFont="1" applyBorder="1" applyAlignment="1">
      <alignment horizontal="center" vertical="center" shrinkToFit="1"/>
    </xf>
    <xf numFmtId="176" fontId="19" fillId="0" borderId="75" xfId="0" applyNumberFormat="1" applyFont="1" applyBorder="1" applyAlignment="1">
      <alignment horizontal="center" vertical="center" shrinkToFit="1"/>
    </xf>
    <xf numFmtId="0" fontId="19" fillId="0" borderId="74" xfId="0" applyFont="1" applyBorder="1" applyAlignment="1">
      <alignment horizontal="center" vertical="center" shrinkToFit="1"/>
    </xf>
    <xf numFmtId="0" fontId="19" fillId="0" borderId="75" xfId="0" applyFont="1" applyBorder="1" applyAlignment="1">
      <alignment horizontal="center" vertical="center" shrinkToFit="1"/>
    </xf>
    <xf numFmtId="0" fontId="19" fillId="0" borderId="69" xfId="0" applyFont="1" applyBorder="1" applyAlignment="1">
      <alignment horizontal="center" vertical="center" shrinkToFit="1"/>
    </xf>
    <xf numFmtId="176" fontId="19" fillId="0" borderId="69" xfId="0" applyNumberFormat="1" applyFont="1" applyBorder="1" applyAlignment="1">
      <alignment vertical="center" shrinkToFit="1"/>
    </xf>
    <xf numFmtId="0" fontId="19" fillId="0" borderId="48" xfId="0" applyFont="1" applyBorder="1" applyAlignment="1">
      <alignment horizontal="center" vertical="center" shrinkToFit="1"/>
    </xf>
    <xf numFmtId="0" fontId="19" fillId="0" borderId="16" xfId="0" applyFont="1" applyBorder="1" applyAlignment="1">
      <alignment horizontal="center" vertical="center" shrinkToFit="1"/>
    </xf>
    <xf numFmtId="176" fontId="19" fillId="0" borderId="68" xfId="0" applyNumberFormat="1" applyFont="1" applyBorder="1" applyAlignment="1">
      <alignment horizontal="center" vertical="center" shrinkToFit="1"/>
    </xf>
    <xf numFmtId="176" fontId="19" fillId="0" borderId="69" xfId="0" applyNumberFormat="1" applyFont="1" applyBorder="1" applyAlignment="1">
      <alignment horizontal="center" vertical="center" shrinkToFit="1"/>
    </xf>
    <xf numFmtId="176" fontId="19" fillId="0" borderId="76" xfId="0" applyNumberFormat="1" applyFont="1" applyBorder="1" applyAlignment="1">
      <alignment horizontal="center" vertical="center" shrinkToFit="1"/>
    </xf>
    <xf numFmtId="0" fontId="19" fillId="0" borderId="68" xfId="0" applyFont="1" applyBorder="1" applyAlignment="1">
      <alignment horizontal="center" vertical="center" shrinkToFit="1"/>
    </xf>
    <xf numFmtId="0" fontId="19" fillId="0" borderId="76" xfId="0" applyFont="1" applyBorder="1" applyAlignment="1">
      <alignment horizontal="center" vertical="center" shrinkToFit="1"/>
    </xf>
    <xf numFmtId="0" fontId="19" fillId="0" borderId="68" xfId="0" applyNumberFormat="1" applyFont="1" applyBorder="1" applyAlignment="1">
      <alignment horizontal="center" vertical="center" shrinkToFit="1"/>
    </xf>
    <xf numFmtId="0" fontId="19" fillId="0" borderId="69" xfId="0" applyNumberFormat="1" applyFont="1" applyBorder="1" applyAlignment="1">
      <alignment horizontal="center" vertical="center" shrinkToFit="1"/>
    </xf>
    <xf numFmtId="0" fontId="19" fillId="0" borderId="76" xfId="0" applyNumberFormat="1" applyFont="1" applyBorder="1" applyAlignment="1">
      <alignment horizontal="center" vertical="center" shrinkToFit="1"/>
    </xf>
    <xf numFmtId="0" fontId="19" fillId="0" borderId="77" xfId="0" applyFont="1" applyBorder="1" applyAlignment="1">
      <alignment horizontal="left" vertical="center" shrinkToFit="1"/>
    </xf>
    <xf numFmtId="0" fontId="19" fillId="0" borderId="78" xfId="0" applyFont="1" applyBorder="1" applyAlignment="1">
      <alignment horizontal="left" vertical="center" shrinkToFit="1"/>
    </xf>
    <xf numFmtId="0" fontId="19" fillId="0" borderId="79" xfId="0" applyFont="1" applyBorder="1" applyAlignment="1">
      <alignment horizontal="center" vertical="center" shrinkToFit="1"/>
    </xf>
    <xf numFmtId="176" fontId="19" fillId="0" borderId="79" xfId="0" applyNumberFormat="1" applyFont="1" applyBorder="1" applyAlignment="1">
      <alignment vertical="center" shrinkToFit="1"/>
    </xf>
    <xf numFmtId="0" fontId="19" fillId="0" borderId="80" xfId="0" applyFont="1" applyBorder="1" applyAlignment="1">
      <alignment horizontal="center" vertical="center" shrinkToFit="1"/>
    </xf>
    <xf numFmtId="0" fontId="19" fillId="0" borderId="81" xfId="0" applyFont="1" applyBorder="1" applyAlignment="1">
      <alignment horizontal="center" vertical="center" shrinkToFit="1"/>
    </xf>
    <xf numFmtId="0" fontId="19" fillId="0" borderId="82" xfId="0" applyNumberFormat="1" applyFont="1" applyBorder="1" applyAlignment="1">
      <alignment horizontal="center" vertical="center" shrinkToFit="1"/>
    </xf>
    <xf numFmtId="0" fontId="19" fillId="0" borderId="79" xfId="0" applyNumberFormat="1" applyFont="1" applyBorder="1" applyAlignment="1">
      <alignment horizontal="center" vertical="center" shrinkToFit="1"/>
    </xf>
    <xf numFmtId="0" fontId="19" fillId="0" borderId="83" xfId="0" applyNumberFormat="1" applyFont="1" applyBorder="1" applyAlignment="1">
      <alignment horizontal="center" vertical="center" shrinkToFit="1"/>
    </xf>
    <xf numFmtId="0" fontId="19" fillId="0" borderId="82" xfId="0" applyFont="1" applyBorder="1" applyAlignment="1">
      <alignment horizontal="center" vertical="center" shrinkToFit="1"/>
    </xf>
    <xf numFmtId="0" fontId="19" fillId="0" borderId="83" xfId="0" applyFont="1" applyBorder="1" applyAlignment="1">
      <alignment horizontal="center" vertical="center" shrinkToFit="1"/>
    </xf>
    <xf numFmtId="0" fontId="24" fillId="0" borderId="0" xfId="0" applyFont="1" applyBorder="1" applyAlignment="1">
      <alignment horizontal="left" vertical="center" shrinkToFit="1"/>
    </xf>
    <xf numFmtId="0" fontId="24" fillId="0" borderId="0" xfId="0" applyFont="1" applyBorder="1" applyAlignment="1">
      <alignment horizontal="center" vertical="center" shrinkToFit="1"/>
    </xf>
    <xf numFmtId="176" fontId="24" fillId="0" borderId="0" xfId="0" applyNumberFormat="1" applyFont="1" applyBorder="1" applyAlignment="1">
      <alignment vertical="center" shrinkToFit="1"/>
    </xf>
    <xf numFmtId="0" fontId="24" fillId="0" borderId="0" xfId="0" applyNumberFormat="1" applyFont="1" applyBorder="1" applyAlignment="1">
      <alignment horizontal="center" vertical="center" shrinkToFit="1"/>
    </xf>
    <xf numFmtId="0" fontId="24" fillId="0" borderId="0" xfId="0" applyFont="1" applyBorder="1" applyAlignment="1">
      <alignment horizontal="center" vertical="center"/>
    </xf>
    <xf numFmtId="0" fontId="17" fillId="0" borderId="0" xfId="0" applyFont="1" applyAlignment="1">
      <alignment vertical="center"/>
    </xf>
    <xf numFmtId="0" fontId="15" fillId="0" borderId="0" xfId="0" applyFont="1" applyBorder="1" applyAlignment="1">
      <alignment vertical="center"/>
    </xf>
    <xf numFmtId="0" fontId="48" fillId="0" borderId="0" xfId="0" applyFont="1" applyBorder="1" applyAlignment="1">
      <alignment horizontal="left" vertical="center" wrapText="1" shrinkToFit="1"/>
    </xf>
    <xf numFmtId="0" fontId="44" fillId="0" borderId="0" xfId="0" applyFont="1" applyAlignment="1">
      <alignment horizontal="center" vertical="center"/>
    </xf>
    <xf numFmtId="0" fontId="9" fillId="0" borderId="0" xfId="0" applyFont="1" applyAlignment="1">
      <alignment vertical="center"/>
    </xf>
    <xf numFmtId="0" fontId="19" fillId="0" borderId="84" xfId="0" applyFont="1" applyBorder="1" applyAlignment="1">
      <alignment horizontal="center" vertical="center" shrinkToFit="1"/>
    </xf>
    <xf numFmtId="0" fontId="19" fillId="0" borderId="49" xfId="0" applyFont="1" applyBorder="1" applyAlignment="1">
      <alignment horizontal="center" vertical="center" shrinkToFit="1"/>
    </xf>
    <xf numFmtId="0" fontId="19" fillId="0" borderId="78" xfId="0" applyFont="1" applyBorder="1" applyAlignment="1">
      <alignment horizontal="center" vertical="center" shrinkToFit="1"/>
    </xf>
    <xf numFmtId="0" fontId="19" fillId="0" borderId="18" xfId="0" applyFont="1" applyBorder="1" applyAlignment="1">
      <alignment horizontal="center" vertical="center" shrinkToFit="1"/>
    </xf>
    <xf numFmtId="0" fontId="13" fillId="0" borderId="2" xfId="3" applyFont="1" applyBorder="1" applyAlignment="1">
      <alignment horizontal="center" vertical="center"/>
    </xf>
    <xf numFmtId="0" fontId="2" fillId="0" borderId="85" xfId="1" applyFont="1" applyBorder="1" applyAlignment="1">
      <alignment horizontal="center" vertical="center" wrapText="1" shrinkToFit="1"/>
    </xf>
    <xf numFmtId="0" fontId="3" fillId="0" borderId="85" xfId="1" applyFont="1" applyBorder="1" applyAlignment="1">
      <alignment horizontal="center" vertical="center" shrinkToFit="1"/>
    </xf>
    <xf numFmtId="0" fontId="2" fillId="0" borderId="85" xfId="1" applyFont="1" applyFill="1" applyBorder="1" applyAlignment="1">
      <alignment horizontal="center" vertical="center" wrapText="1" shrinkToFit="1"/>
    </xf>
    <xf numFmtId="0" fontId="2" fillId="0" borderId="86" xfId="1" applyFont="1" applyBorder="1" applyAlignment="1">
      <alignment horizontal="center" vertical="center" shrinkToFit="1"/>
    </xf>
    <xf numFmtId="0" fontId="2" fillId="0" borderId="87" xfId="1" applyFont="1" applyFill="1" applyBorder="1" applyAlignment="1">
      <alignment horizontal="center" vertical="center" wrapText="1" shrinkToFit="1"/>
    </xf>
    <xf numFmtId="0" fontId="2" fillId="0" borderId="88" xfId="1" applyNumberFormat="1" applyFont="1" applyFill="1" applyBorder="1" applyAlignment="1">
      <alignment horizontal="center" vertical="center" wrapText="1" shrinkToFit="1"/>
    </xf>
    <xf numFmtId="0" fontId="2" fillId="0" borderId="85" xfId="1" applyNumberFormat="1" applyFont="1" applyFill="1" applyBorder="1" applyAlignment="1">
      <alignment horizontal="center" vertical="center" wrapText="1" shrinkToFit="1"/>
    </xf>
    <xf numFmtId="0" fontId="2" fillId="0" borderId="89" xfId="1" applyNumberFormat="1" applyFont="1" applyFill="1" applyBorder="1" applyAlignment="1">
      <alignment horizontal="center" vertical="center" wrapText="1" shrinkToFit="1"/>
    </xf>
    <xf numFmtId="0" fontId="2" fillId="0" borderId="88" xfId="1" applyFont="1" applyFill="1" applyBorder="1" applyAlignment="1">
      <alignment horizontal="center" vertical="center" wrapText="1" shrinkToFit="1"/>
    </xf>
    <xf numFmtId="0" fontId="2" fillId="0" borderId="60" xfId="1" applyFont="1" applyFill="1" applyBorder="1" applyAlignment="1">
      <alignment horizontal="center" vertical="center" wrapText="1" shrinkToFit="1"/>
    </xf>
    <xf numFmtId="0" fontId="2" fillId="0" borderId="86" xfId="1" applyFont="1" applyFill="1" applyBorder="1" applyAlignment="1">
      <alignment horizontal="center" vertical="center" wrapText="1" shrinkToFit="1"/>
    </xf>
    <xf numFmtId="0" fontId="2" fillId="0" borderId="89" xfId="1" applyFont="1" applyFill="1" applyBorder="1" applyAlignment="1">
      <alignment horizontal="center" vertical="center" wrapText="1" shrinkToFit="1"/>
    </xf>
    <xf numFmtId="0" fontId="13" fillId="0" borderId="0" xfId="0" applyFont="1" applyFill="1"/>
    <xf numFmtId="0" fontId="21" fillId="0" borderId="0" xfId="0" applyFont="1" applyFill="1"/>
    <xf numFmtId="0" fontId="0" fillId="0" borderId="0" xfId="0" applyFill="1" applyBorder="1" applyAlignment="1">
      <alignment horizontal="center" vertical="center"/>
    </xf>
    <xf numFmtId="0" fontId="22" fillId="0" borderId="0" xfId="0" applyFont="1" applyFill="1" applyBorder="1" applyAlignment="1">
      <alignment vertical="center"/>
    </xf>
    <xf numFmtId="0" fontId="21" fillId="0" borderId="0" xfId="0" applyFont="1" applyFill="1" applyBorder="1" applyAlignment="1">
      <alignment horizontal="center" vertical="center"/>
    </xf>
    <xf numFmtId="0" fontId="28" fillId="0" borderId="0" xfId="0" applyFont="1" applyFill="1" applyBorder="1" applyAlignment="1">
      <alignment vertical="center"/>
    </xf>
    <xf numFmtId="0" fontId="21" fillId="0" borderId="0" xfId="0" applyFont="1" applyFill="1" applyAlignment="1"/>
    <xf numFmtId="0" fontId="0" fillId="0" borderId="0" xfId="0" applyFill="1" applyAlignment="1"/>
    <xf numFmtId="0" fontId="13" fillId="0" borderId="0" xfId="0" applyFont="1" applyFill="1" applyAlignment="1"/>
    <xf numFmtId="0" fontId="18" fillId="0" borderId="9" xfId="0" applyFont="1" applyFill="1" applyBorder="1" applyAlignment="1">
      <alignment horizontal="center"/>
    </xf>
    <xf numFmtId="0" fontId="18" fillId="0" borderId="10" xfId="0" applyFont="1" applyFill="1" applyBorder="1" applyAlignment="1">
      <alignment horizontal="center"/>
    </xf>
    <xf numFmtId="0" fontId="18" fillId="0" borderId="13" xfId="0" applyFont="1" applyFill="1" applyBorder="1" applyAlignment="1">
      <alignment horizontal="center"/>
    </xf>
    <xf numFmtId="0" fontId="18" fillId="0" borderId="2" xfId="0" applyFont="1" applyFill="1" applyBorder="1" applyAlignment="1">
      <alignment horizontal="center"/>
    </xf>
    <xf numFmtId="0" fontId="21" fillId="0" borderId="49" xfId="0" applyFont="1" applyFill="1" applyBorder="1" applyAlignment="1">
      <alignment vertical="center"/>
    </xf>
    <xf numFmtId="0" fontId="50" fillId="0" borderId="0" xfId="0" applyFont="1" applyFill="1" applyAlignment="1">
      <alignment horizontal="justify" vertical="center"/>
    </xf>
    <xf numFmtId="0" fontId="49" fillId="0" borderId="0" xfId="0" applyFont="1" applyFill="1" applyBorder="1" applyAlignment="1">
      <alignment vertical="center"/>
    </xf>
    <xf numFmtId="0" fontId="34" fillId="0" borderId="0" xfId="0" applyFont="1" applyFill="1" applyAlignment="1">
      <alignment horizontal="left" readingOrder="1"/>
    </xf>
    <xf numFmtId="0" fontId="34" fillId="0" borderId="0" xfId="0" applyFont="1" applyFill="1" applyAlignment="1">
      <alignment horizontal="left" vertical="top" readingOrder="1"/>
    </xf>
    <xf numFmtId="0" fontId="0" fillId="0" borderId="0" xfId="0" applyFill="1" applyAlignment="1">
      <alignment vertical="center"/>
    </xf>
    <xf numFmtId="0" fontId="0" fillId="0" borderId="0" xfId="0" applyFill="1"/>
    <xf numFmtId="0" fontId="3" fillId="0" borderId="0" xfId="0" applyFont="1" applyFill="1" applyAlignment="1">
      <alignment horizontal="center"/>
    </xf>
    <xf numFmtId="0" fontId="0" fillId="0" borderId="0" xfId="0" applyFill="1" applyAlignment="1">
      <alignment horizontal="center"/>
    </xf>
    <xf numFmtId="0" fontId="8" fillId="0" borderId="0" xfId="0" applyFont="1" applyFill="1" applyAlignment="1">
      <alignment horizontal="center"/>
    </xf>
    <xf numFmtId="0" fontId="8" fillId="0" borderId="0" xfId="0" applyFont="1" applyFill="1" applyAlignment="1">
      <alignment horizontal="distributed"/>
    </xf>
    <xf numFmtId="0" fontId="3" fillId="0" borderId="0" xfId="0" applyFont="1" applyFill="1"/>
    <xf numFmtId="0" fontId="3" fillId="0" borderId="0" xfId="0" applyFont="1" applyFill="1" applyBorder="1" applyAlignment="1">
      <alignment horizontal="distributed" vertical="center"/>
    </xf>
    <xf numFmtId="0" fontId="4" fillId="0" borderId="0" xfId="0" applyFont="1" applyFill="1" applyBorder="1" applyAlignment="1">
      <alignment vertical="center" wrapText="1"/>
    </xf>
    <xf numFmtId="0" fontId="0" fillId="0" borderId="4" xfId="0" applyFill="1" applyBorder="1" applyAlignment="1">
      <alignment horizontal="left" vertical="center"/>
    </xf>
    <xf numFmtId="0" fontId="0" fillId="0" borderId="0" xfId="0" applyFill="1" applyBorder="1"/>
    <xf numFmtId="0" fontId="5" fillId="0" borderId="0" xfId="0" applyFont="1" applyFill="1" applyAlignment="1">
      <alignment vertical="center" wrapText="1"/>
    </xf>
    <xf numFmtId="0" fontId="3" fillId="0" borderId="5" xfId="0" applyFont="1" applyFill="1" applyBorder="1" applyAlignment="1">
      <alignment horizontal="distributed" vertical="center"/>
    </xf>
    <xf numFmtId="0" fontId="3" fillId="0" borderId="6" xfId="0" applyFont="1" applyFill="1" applyBorder="1" applyAlignment="1">
      <alignment horizontal="distributed" vertical="center"/>
    </xf>
    <xf numFmtId="0" fontId="3" fillId="0" borderId="60" xfId="0" applyFont="1" applyFill="1" applyBorder="1" applyAlignment="1">
      <alignment horizontal="distributed" vertical="center"/>
    </xf>
    <xf numFmtId="0" fontId="4" fillId="0" borderId="0" xfId="0" applyFont="1" applyFill="1" applyBorder="1" applyAlignment="1">
      <alignment horizontal="distributed" vertical="center"/>
    </xf>
    <xf numFmtId="0" fontId="0" fillId="0" borderId="0" xfId="0" applyFill="1" applyAlignment="1">
      <alignment horizontal="left"/>
    </xf>
    <xf numFmtId="0" fontId="3" fillId="0" borderId="7" xfId="0" applyFont="1" applyFill="1" applyBorder="1" applyAlignment="1">
      <alignment horizontal="distributed" vertical="center"/>
    </xf>
    <xf numFmtId="0" fontId="3" fillId="0" borderId="0" xfId="0" applyFont="1" applyFill="1" applyBorder="1" applyAlignment="1">
      <alignment horizontal="left" vertical="center"/>
    </xf>
    <xf numFmtId="0" fontId="4" fillId="0" borderId="2" xfId="0" applyFont="1" applyFill="1" applyBorder="1" applyAlignment="1">
      <alignment horizontal="distributed" vertical="center"/>
    </xf>
    <xf numFmtId="0" fontId="3" fillId="0" borderId="2" xfId="0" applyFont="1" applyFill="1" applyBorder="1" applyAlignment="1">
      <alignment horizontal="left" vertical="center"/>
    </xf>
    <xf numFmtId="0" fontId="3" fillId="0" borderId="3" xfId="0" applyFont="1" applyFill="1" applyBorder="1" applyAlignment="1">
      <alignment horizontal="distributed" vertical="center"/>
    </xf>
    <xf numFmtId="0" fontId="3" fillId="0" borderId="1" xfId="0" applyFont="1" applyFill="1" applyBorder="1" applyAlignment="1">
      <alignment horizontal="distributed" vertical="center"/>
    </xf>
    <xf numFmtId="0" fontId="3" fillId="0" borderId="2" xfId="0" applyFont="1" applyFill="1" applyBorder="1" applyAlignment="1">
      <alignment horizontal="distributed" vertical="center"/>
    </xf>
    <xf numFmtId="0" fontId="3" fillId="0" borderId="4" xfId="0" applyFont="1" applyFill="1" applyBorder="1" applyAlignment="1">
      <alignment horizontal="distributed" vertical="center"/>
    </xf>
    <xf numFmtId="0" fontId="10" fillId="0" borderId="0" xfId="0" applyFont="1" applyFill="1"/>
    <xf numFmtId="0" fontId="4" fillId="0" borderId="0" xfId="0" applyFont="1" applyFill="1" applyBorder="1" applyAlignment="1">
      <alignment horizontal="left"/>
    </xf>
    <xf numFmtId="0" fontId="6" fillId="0" borderId="0" xfId="0" applyFont="1" applyFill="1" applyBorder="1" applyAlignment="1">
      <alignment horizontal="distributed" vertical="center"/>
    </xf>
    <xf numFmtId="0" fontId="6" fillId="0" borderId="4" xfId="0" applyFont="1" applyFill="1" applyBorder="1" applyAlignment="1">
      <alignment horizontal="distributed"/>
    </xf>
    <xf numFmtId="0" fontId="6" fillId="0" borderId="0" xfId="0" applyFont="1" applyFill="1" applyAlignment="1">
      <alignment horizontal="center"/>
    </xf>
    <xf numFmtId="0" fontId="6" fillId="0" borderId="8" xfId="0" applyFont="1" applyFill="1" applyBorder="1" applyAlignment="1">
      <alignment horizontal="distributed"/>
    </xf>
    <xf numFmtId="0" fontId="4" fillId="0" borderId="0" xfId="0" applyFont="1" applyFill="1" applyBorder="1" applyAlignment="1">
      <alignment horizontal="left" vertical="top"/>
    </xf>
    <xf numFmtId="0" fontId="6" fillId="0" borderId="0" xfId="0" applyFont="1" applyFill="1" applyBorder="1" applyAlignment="1">
      <alignment horizontal="left" vertical="top"/>
    </xf>
    <xf numFmtId="0" fontId="0" fillId="0" borderId="9" xfId="0" applyFill="1" applyBorder="1"/>
    <xf numFmtId="0" fontId="0" fillId="0" borderId="2" xfId="0" applyFill="1" applyBorder="1" applyAlignment="1"/>
    <xf numFmtId="0" fontId="0" fillId="0" borderId="10" xfId="0" applyFill="1" applyBorder="1" applyAlignment="1"/>
    <xf numFmtId="0" fontId="0" fillId="0" borderId="0" xfId="0" applyFill="1" applyAlignment="1">
      <alignment horizontal="left" vertical="center" wrapText="1"/>
    </xf>
    <xf numFmtId="0" fontId="8" fillId="0" borderId="48" xfId="0" applyFont="1" applyFill="1" applyBorder="1" applyAlignment="1">
      <alignment horizontal="right" vertical="center"/>
    </xf>
    <xf numFmtId="0" fontId="4" fillId="0" borderId="49" xfId="0" applyFont="1" applyFill="1" applyBorder="1" applyAlignment="1">
      <alignment horizontal="distributed" vertical="center"/>
    </xf>
    <xf numFmtId="0" fontId="3" fillId="0" borderId="49" xfId="0" applyFont="1" applyFill="1" applyBorder="1" applyAlignment="1">
      <alignment horizontal="distributed" vertical="center"/>
    </xf>
    <xf numFmtId="0" fontId="3" fillId="0" borderId="22" xfId="0" applyFont="1" applyFill="1" applyBorder="1" applyAlignment="1">
      <alignment horizontal="distributed" vertical="center"/>
    </xf>
    <xf numFmtId="0" fontId="3" fillId="0" borderId="0" xfId="0" applyFont="1" applyFill="1" applyBorder="1" applyAlignment="1">
      <alignment horizontal="center" shrinkToFit="1"/>
    </xf>
    <xf numFmtId="0" fontId="3" fillId="0" borderId="0" xfId="0" applyFont="1" applyFill="1" applyBorder="1" applyAlignment="1">
      <alignment vertical="center"/>
    </xf>
    <xf numFmtId="0" fontId="3" fillId="0" borderId="2" xfId="0" applyFont="1" applyFill="1" applyBorder="1" applyAlignment="1">
      <alignment horizontal="center" vertical="top" shrinkToFit="1"/>
    </xf>
    <xf numFmtId="0" fontId="3" fillId="0" borderId="2" xfId="0" applyFont="1" applyFill="1" applyBorder="1"/>
    <xf numFmtId="0" fontId="3" fillId="0" borderId="0" xfId="0" applyFont="1" applyFill="1" applyBorder="1"/>
    <xf numFmtId="0" fontId="3" fillId="0" borderId="4" xfId="0" applyFont="1" applyFill="1" applyBorder="1"/>
    <xf numFmtId="0" fontId="7" fillId="0" borderId="0" xfId="0" applyFont="1" applyFill="1" applyAlignment="1">
      <alignment vertical="top"/>
    </xf>
    <xf numFmtId="0" fontId="13" fillId="0" borderId="0" xfId="2" applyFill="1"/>
    <xf numFmtId="0" fontId="13" fillId="0" borderId="0" xfId="2" applyFill="1" applyAlignment="1">
      <alignment horizontal="center"/>
    </xf>
    <xf numFmtId="0" fontId="13" fillId="0" borderId="0" xfId="2" applyFill="1" applyAlignment="1">
      <alignment vertical="center"/>
    </xf>
    <xf numFmtId="0" fontId="13" fillId="0" borderId="0" xfId="2" applyFill="1" applyBorder="1" applyAlignment="1">
      <alignment horizontal="center" vertical="center"/>
    </xf>
    <xf numFmtId="0" fontId="17" fillId="0" borderId="0" xfId="2" applyFont="1" applyFill="1" applyBorder="1" applyAlignment="1">
      <alignment horizontal="center" vertical="center"/>
    </xf>
    <xf numFmtId="0" fontId="9" fillId="0" borderId="0" xfId="2" applyFont="1" applyFill="1" applyAlignment="1">
      <alignment vertical="center"/>
    </xf>
    <xf numFmtId="0" fontId="9" fillId="0" borderId="4" xfId="2" applyFont="1" applyFill="1" applyBorder="1" applyAlignment="1">
      <alignment horizontal="center" vertical="center" textRotation="255"/>
    </xf>
    <xf numFmtId="0" fontId="9" fillId="0" borderId="8" xfId="2" applyFont="1" applyFill="1" applyBorder="1" applyAlignment="1">
      <alignment horizontal="center" vertical="center" textRotation="255"/>
    </xf>
    <xf numFmtId="0" fontId="15" fillId="0" borderId="12" xfId="2" applyFont="1" applyFill="1" applyBorder="1" applyAlignment="1">
      <alignment horizontal="center" vertical="center"/>
    </xf>
    <xf numFmtId="0" fontId="15" fillId="0" borderId="0" xfId="2" applyFont="1" applyFill="1" applyBorder="1" applyAlignment="1">
      <alignment horizontal="center" vertical="center"/>
    </xf>
    <xf numFmtId="0" fontId="15" fillId="0" borderId="7" xfId="2" applyFont="1" applyFill="1" applyBorder="1" applyAlignment="1">
      <alignment horizontal="center" vertical="center"/>
    </xf>
    <xf numFmtId="0" fontId="0" fillId="0" borderId="0" xfId="0" applyFill="1" applyBorder="1" applyAlignment="1"/>
    <xf numFmtId="0" fontId="18" fillId="0" borderId="4" xfId="2" applyFont="1" applyFill="1" applyBorder="1" applyAlignment="1">
      <alignment horizontal="center" vertical="center"/>
    </xf>
    <xf numFmtId="0" fontId="18" fillId="0" borderId="8" xfId="2" applyFont="1" applyFill="1" applyBorder="1" applyAlignment="1">
      <alignment horizontal="center" vertical="center"/>
    </xf>
    <xf numFmtId="0" fontId="18" fillId="0" borderId="12" xfId="2" applyFont="1" applyFill="1" applyBorder="1" applyAlignment="1">
      <alignment horizontal="center" vertical="center"/>
    </xf>
    <xf numFmtId="0" fontId="18" fillId="0" borderId="0" xfId="2" applyFont="1" applyFill="1" applyBorder="1" applyAlignment="1">
      <alignment horizontal="center" vertical="center"/>
    </xf>
    <xf numFmtId="0" fontId="18" fillId="0" borderId="7" xfId="2" applyFont="1" applyFill="1" applyBorder="1" applyAlignment="1">
      <alignment horizontal="center" vertical="center"/>
    </xf>
    <xf numFmtId="0" fontId="16" fillId="0" borderId="0" xfId="2" applyFont="1" applyFill="1" applyBorder="1" applyAlignment="1">
      <alignment horizontal="center" vertical="center"/>
    </xf>
    <xf numFmtId="0" fontId="16" fillId="0" borderId="0" xfId="0" applyFont="1" applyFill="1" applyBorder="1" applyAlignment="1">
      <alignment horizontal="center" vertical="center"/>
    </xf>
    <xf numFmtId="0" fontId="13" fillId="0" borderId="0" xfId="2" applyFill="1" applyBorder="1" applyAlignment="1">
      <alignment vertical="center"/>
    </xf>
    <xf numFmtId="0" fontId="13" fillId="0" borderId="0" xfId="2" applyFont="1" applyFill="1" applyBorder="1" applyAlignment="1">
      <alignment horizontal="left" vertical="top"/>
    </xf>
    <xf numFmtId="0" fontId="13" fillId="0" borderId="0" xfId="2" applyFill="1" applyAlignment="1">
      <alignment horizontal="center" vertical="center"/>
    </xf>
    <xf numFmtId="0" fontId="13" fillId="0" borderId="0" xfId="2" applyFont="1" applyFill="1" applyAlignment="1">
      <alignment horizontal="left" vertical="center"/>
    </xf>
    <xf numFmtId="0" fontId="19" fillId="0" borderId="0" xfId="2" applyFont="1" applyFill="1" applyAlignment="1">
      <alignment horizontal="left" vertical="center"/>
    </xf>
    <xf numFmtId="0" fontId="9" fillId="0" borderId="0" xfId="2" applyFont="1" applyFill="1" applyBorder="1" applyAlignment="1">
      <alignment horizontal="left" vertical="center"/>
    </xf>
    <xf numFmtId="0" fontId="9" fillId="0" borderId="0" xfId="2" applyFont="1" applyFill="1" applyAlignment="1">
      <alignment horizontal="center" vertical="center"/>
    </xf>
    <xf numFmtId="0" fontId="13" fillId="0" borderId="0" xfId="2" applyFont="1" applyFill="1" applyBorder="1" applyAlignment="1">
      <alignment horizontal="center" vertical="center"/>
    </xf>
    <xf numFmtId="0" fontId="13" fillId="0" borderId="0" xfId="2" applyFont="1" applyFill="1" applyBorder="1" applyAlignment="1">
      <alignment horizontal="center" vertical="top"/>
    </xf>
    <xf numFmtId="0" fontId="13" fillId="0" borderId="0" xfId="2" applyFill="1" applyAlignment="1">
      <alignment vertical="top"/>
    </xf>
    <xf numFmtId="0" fontId="15" fillId="0" borderId="0" xfId="2" applyFont="1" applyFill="1" applyBorder="1" applyAlignment="1">
      <alignment horizontal="left" vertical="top" wrapText="1"/>
    </xf>
    <xf numFmtId="0" fontId="15" fillId="0" borderId="0" xfId="2" applyFont="1" applyFill="1" applyBorder="1" applyAlignment="1">
      <alignment vertical="top" wrapText="1"/>
    </xf>
    <xf numFmtId="0" fontId="13" fillId="0" borderId="0" xfId="2" applyFont="1" applyFill="1" applyBorder="1" applyAlignment="1">
      <alignment horizontal="left" vertical="center"/>
    </xf>
    <xf numFmtId="0" fontId="13" fillId="0" borderId="0" xfId="2" applyFill="1" applyAlignment="1">
      <alignment horizontal="left" vertical="center"/>
    </xf>
    <xf numFmtId="0" fontId="16" fillId="0" borderId="0" xfId="2" applyFont="1" applyFill="1" applyBorder="1" applyAlignment="1">
      <alignment horizontal="left" vertical="center"/>
    </xf>
    <xf numFmtId="0" fontId="13" fillId="0" borderId="65" xfId="2" applyFill="1" applyBorder="1" applyAlignment="1">
      <alignment horizontal="center" vertical="center"/>
    </xf>
    <xf numFmtId="0" fontId="9" fillId="0" borderId="0" xfId="2" applyFont="1" applyFill="1" applyBorder="1" applyAlignment="1">
      <alignment horizontal="right" vertical="center"/>
    </xf>
    <xf numFmtId="0" fontId="13" fillId="0" borderId="0" xfId="2" applyFont="1" applyFill="1" applyBorder="1" applyAlignment="1">
      <alignment vertical="center"/>
    </xf>
    <xf numFmtId="49" fontId="15" fillId="0" borderId="4" xfId="2" applyNumberFormat="1" applyFont="1" applyFill="1" applyBorder="1" applyAlignment="1">
      <alignment horizontal="center" vertical="center" shrinkToFit="1"/>
    </xf>
    <xf numFmtId="49" fontId="15" fillId="0" borderId="0" xfId="2" applyNumberFormat="1" applyFont="1" applyFill="1" applyBorder="1" applyAlignment="1">
      <alignment horizontal="center" vertical="center" shrinkToFit="1"/>
    </xf>
    <xf numFmtId="49" fontId="15" fillId="0" borderId="8" xfId="2" applyNumberFormat="1" applyFont="1" applyFill="1" applyBorder="1" applyAlignment="1">
      <alignment horizontal="center" vertical="center" shrinkToFit="1"/>
    </xf>
    <xf numFmtId="49" fontId="15" fillId="0" borderId="12" xfId="2" applyNumberFormat="1" applyFont="1" applyFill="1" applyBorder="1" applyAlignment="1">
      <alignment horizontal="center" vertical="center" shrinkToFit="1"/>
    </xf>
    <xf numFmtId="0" fontId="13" fillId="0" borderId="0" xfId="2" applyFont="1" applyFill="1" applyBorder="1" applyAlignment="1">
      <alignment horizontal="center" vertical="center" textRotation="255"/>
    </xf>
    <xf numFmtId="0" fontId="13" fillId="0" borderId="0" xfId="2" applyFont="1" applyFill="1" applyBorder="1" applyAlignment="1">
      <alignment horizontal="right" vertical="center"/>
    </xf>
    <xf numFmtId="0" fontId="18" fillId="0" borderId="13" xfId="2" applyFont="1" applyFill="1" applyBorder="1" applyAlignment="1">
      <alignment horizontal="center"/>
    </xf>
    <xf numFmtId="0" fontId="18" fillId="0" borderId="2" xfId="2" applyFont="1" applyFill="1" applyBorder="1" applyAlignment="1">
      <alignment horizontal="center"/>
    </xf>
    <xf numFmtId="0" fontId="18" fillId="0" borderId="3" xfId="2" applyFont="1" applyFill="1" applyBorder="1" applyAlignment="1">
      <alignment horizontal="center"/>
    </xf>
    <xf numFmtId="0" fontId="18" fillId="0" borderId="9" xfId="2" applyFont="1" applyFill="1" applyBorder="1" applyAlignment="1">
      <alignment horizontal="center"/>
    </xf>
    <xf numFmtId="0" fontId="13" fillId="0" borderId="0" xfId="2" applyFont="1" applyFill="1" applyAlignment="1">
      <alignment vertical="center"/>
    </xf>
    <xf numFmtId="0" fontId="16" fillId="0" borderId="0" xfId="2" applyFont="1" applyFill="1" applyAlignment="1">
      <alignment horizontal="left" vertical="center"/>
    </xf>
    <xf numFmtId="0" fontId="16" fillId="0" borderId="0" xfId="2" applyFont="1" applyFill="1" applyAlignment="1">
      <alignment vertical="center"/>
    </xf>
    <xf numFmtId="0" fontId="16" fillId="0" borderId="0" xfId="2" applyFont="1" applyFill="1" applyAlignment="1">
      <alignment horizontal="center" vertical="center"/>
    </xf>
    <xf numFmtId="0" fontId="16" fillId="0" borderId="0" xfId="2" applyFont="1" applyFill="1" applyBorder="1" applyAlignment="1">
      <alignment vertical="center"/>
    </xf>
    <xf numFmtId="0" fontId="13" fillId="0" borderId="0" xfId="2" applyFill="1" applyBorder="1" applyAlignment="1"/>
    <xf numFmtId="0" fontId="13" fillId="0" borderId="0" xfId="2" applyFont="1" applyFill="1"/>
    <xf numFmtId="0" fontId="13" fillId="0" borderId="0" xfId="2" applyFill="1" applyBorder="1" applyAlignment="1">
      <alignment horizontal="center"/>
    </xf>
    <xf numFmtId="0" fontId="16" fillId="0" borderId="0" xfId="2" applyFont="1" applyFill="1" applyAlignment="1">
      <alignment horizontal="right" vertical="center"/>
    </xf>
    <xf numFmtId="0" fontId="13" fillId="0" borderId="0" xfId="2" applyFill="1" applyBorder="1"/>
    <xf numFmtId="0" fontId="13" fillId="0" borderId="5" xfId="2" applyFill="1" applyBorder="1" applyAlignment="1">
      <alignment horizontal="center"/>
    </xf>
    <xf numFmtId="0" fontId="9" fillId="0" borderId="0" xfId="2" applyFont="1" applyFill="1" applyBorder="1" applyAlignment="1">
      <alignment vertical="center"/>
    </xf>
    <xf numFmtId="0" fontId="9" fillId="0" borderId="0" xfId="2" applyFont="1" applyFill="1" applyBorder="1" applyAlignment="1">
      <alignment horizontal="center" vertical="center"/>
    </xf>
    <xf numFmtId="0" fontId="0" fillId="0" borderId="2" xfId="0" applyBorder="1" applyAlignment="1">
      <alignment horizontal="center" vertical="center"/>
    </xf>
    <xf numFmtId="0" fontId="9" fillId="0" borderId="2" xfId="3" applyFont="1" applyBorder="1" applyAlignment="1">
      <alignment horizontal="center" vertical="center"/>
    </xf>
    <xf numFmtId="0" fontId="23" fillId="0" borderId="13" xfId="3" applyFont="1" applyBorder="1" applyAlignment="1">
      <alignment horizontal="center" vertical="center"/>
    </xf>
    <xf numFmtId="0" fontId="2" fillId="0" borderId="0" xfId="0" applyFont="1" applyFill="1" applyAlignment="1"/>
    <xf numFmtId="0" fontId="16" fillId="0" borderId="96" xfId="3" applyBorder="1">
      <alignment vertical="center"/>
    </xf>
    <xf numFmtId="0" fontId="16" fillId="0" borderId="97" xfId="3" applyBorder="1">
      <alignment vertical="center"/>
    </xf>
    <xf numFmtId="0" fontId="16" fillId="0" borderId="4" xfId="3" applyBorder="1">
      <alignment vertical="center"/>
    </xf>
    <xf numFmtId="0" fontId="23" fillId="0" borderId="9" xfId="3" applyFont="1" applyBorder="1" applyAlignment="1">
      <alignment horizontal="left" vertical="center"/>
    </xf>
    <xf numFmtId="0" fontId="23" fillId="0" borderId="3" xfId="3" applyFont="1" applyBorder="1" applyAlignment="1">
      <alignment horizontal="right" vertical="center"/>
    </xf>
    <xf numFmtId="0" fontId="9" fillId="0" borderId="9" xfId="3" applyFont="1" applyBorder="1" applyAlignment="1">
      <alignment horizontal="center" vertical="center"/>
    </xf>
    <xf numFmtId="0" fontId="23" fillId="0" borderId="124" xfId="3" applyFont="1" applyBorder="1" applyAlignment="1">
      <alignment horizontal="center" vertical="center"/>
    </xf>
    <xf numFmtId="0" fontId="16" fillId="0" borderId="125" xfId="3" applyBorder="1" applyAlignment="1">
      <alignment horizontal="center" vertical="center"/>
    </xf>
    <xf numFmtId="0" fontId="16" fillId="0" borderId="65" xfId="3" applyBorder="1" applyAlignment="1">
      <alignment horizontal="center" vertical="center"/>
    </xf>
    <xf numFmtId="0" fontId="16" fillId="0" borderId="126" xfId="3" applyBorder="1" applyAlignment="1">
      <alignment horizontal="center" vertical="center"/>
    </xf>
    <xf numFmtId="0" fontId="16" fillId="0" borderId="101" xfId="3" applyBorder="1">
      <alignment vertical="center"/>
    </xf>
    <xf numFmtId="0" fontId="16" fillId="0" borderId="98" xfId="3" applyBorder="1">
      <alignment vertical="center"/>
    </xf>
    <xf numFmtId="0" fontId="16" fillId="0" borderId="7" xfId="3" applyBorder="1">
      <alignment vertical="center"/>
    </xf>
    <xf numFmtId="0" fontId="16" fillId="0" borderId="7" xfId="3" applyBorder="1" applyAlignment="1">
      <alignment vertical="center"/>
    </xf>
    <xf numFmtId="0" fontId="28" fillId="0" borderId="0" xfId="0" applyFont="1" applyFill="1" applyAlignment="1">
      <alignment horizontal="right"/>
    </xf>
    <xf numFmtId="0" fontId="13" fillId="0" borderId="0" xfId="0" applyFont="1" applyFill="1" applyAlignment="1">
      <alignment horizontal="center" vertical="center"/>
    </xf>
    <xf numFmtId="0" fontId="16" fillId="0" borderId="0" xfId="2" applyFont="1" applyFill="1" applyBorder="1" applyAlignment="1">
      <alignment horizontal="center" vertical="center"/>
    </xf>
    <xf numFmtId="0" fontId="16" fillId="0" borderId="0" xfId="0" applyFont="1" applyFill="1" applyBorder="1" applyAlignment="1">
      <alignment horizontal="center" vertical="center"/>
    </xf>
    <xf numFmtId="0" fontId="13" fillId="0" borderId="0" xfId="0" applyFont="1" applyFill="1" applyBorder="1"/>
    <xf numFmtId="0" fontId="13" fillId="0" borderId="8" xfId="0" applyFont="1" applyFill="1" applyBorder="1"/>
    <xf numFmtId="0" fontId="13" fillId="0" borderId="2" xfId="0" applyFont="1" applyFill="1" applyBorder="1"/>
    <xf numFmtId="0" fontId="9" fillId="0" borderId="15" xfId="2" applyFont="1" applyFill="1" applyBorder="1" applyAlignment="1">
      <alignment horizontal="right" vertical="center"/>
    </xf>
    <xf numFmtId="0" fontId="9" fillId="0" borderId="6" xfId="2" applyFont="1" applyFill="1" applyBorder="1" applyAlignment="1">
      <alignment horizontal="right" vertical="center"/>
    </xf>
    <xf numFmtId="0" fontId="16" fillId="0" borderId="31" xfId="2" applyFont="1" applyFill="1" applyBorder="1" applyAlignment="1">
      <alignment vertical="center"/>
    </xf>
    <xf numFmtId="0" fontId="16" fillId="0" borderId="34" xfId="2" applyFont="1" applyFill="1" applyBorder="1" applyAlignment="1">
      <alignment vertical="center"/>
    </xf>
    <xf numFmtId="0" fontId="0" fillId="0" borderId="0" xfId="0" applyFill="1" applyBorder="1" applyAlignment="1">
      <alignment horizontal="center" vertical="center"/>
    </xf>
    <xf numFmtId="0" fontId="13" fillId="0" borderId="0" xfId="0" applyFont="1" applyFill="1" applyBorder="1" applyAlignment="1">
      <alignment horizontal="center" vertical="center"/>
    </xf>
    <xf numFmtId="0" fontId="0" fillId="0" borderId="0" xfId="0" applyFill="1" applyBorder="1" applyAlignment="1">
      <alignment vertical="center"/>
    </xf>
    <xf numFmtId="0" fontId="16" fillId="0" borderId="0" xfId="0" applyFont="1" applyFill="1" applyBorder="1" applyAlignment="1">
      <alignment horizontal="left" vertical="center"/>
    </xf>
    <xf numFmtId="0" fontId="19" fillId="0" borderId="67" xfId="0" applyFont="1" applyBorder="1" applyAlignment="1">
      <alignment horizontal="left" vertical="center" shrinkToFit="1"/>
    </xf>
    <xf numFmtId="0" fontId="19" fillId="0" borderId="49" xfId="0" applyFont="1" applyBorder="1" applyAlignment="1">
      <alignment horizontal="left" vertical="center" shrinkToFit="1"/>
    </xf>
    <xf numFmtId="0" fontId="38" fillId="0" borderId="69" xfId="0" applyFont="1" applyBorder="1" applyAlignment="1">
      <alignment horizontal="center" vertical="center"/>
    </xf>
    <xf numFmtId="0" fontId="0" fillId="0" borderId="0" xfId="0"/>
    <xf numFmtId="0" fontId="0" fillId="0" borderId="0" xfId="0" applyBorder="1" applyAlignment="1">
      <alignment vertical="center"/>
    </xf>
    <xf numFmtId="0" fontId="4" fillId="0" borderId="0" xfId="0" applyFont="1" applyBorder="1" applyAlignment="1">
      <alignment horizontal="distributed" vertical="center"/>
    </xf>
    <xf numFmtId="0" fontId="3" fillId="0" borderId="0" xfId="0" applyFont="1" applyBorder="1" applyAlignment="1">
      <alignment vertical="center"/>
    </xf>
    <xf numFmtId="0" fontId="4" fillId="0" borderId="11" xfId="0" applyFont="1" applyBorder="1" applyAlignment="1">
      <alignment horizontal="distributed" vertical="top"/>
    </xf>
    <xf numFmtId="0" fontId="3" fillId="0" borderId="11" xfId="0" applyFont="1" applyBorder="1" applyAlignment="1">
      <alignment vertical="center"/>
    </xf>
    <xf numFmtId="0" fontId="15" fillId="0" borderId="0" xfId="2" applyFont="1" applyFill="1" applyBorder="1" applyAlignment="1">
      <alignment vertical="center" wrapText="1"/>
    </xf>
    <xf numFmtId="0" fontId="13" fillId="0" borderId="0" xfId="0" applyFont="1" applyFill="1" applyAlignment="1">
      <alignment horizontal="center" vertical="center"/>
    </xf>
    <xf numFmtId="0" fontId="13" fillId="0" borderId="61" xfId="0" applyNumberFormat="1" applyFont="1" applyFill="1" applyBorder="1" applyAlignment="1">
      <alignment vertical="center"/>
    </xf>
    <xf numFmtId="0" fontId="13" fillId="0" borderId="98" xfId="0" applyNumberFormat="1" applyFont="1" applyFill="1" applyBorder="1" applyAlignment="1">
      <alignment vertical="center"/>
    </xf>
    <xf numFmtId="0" fontId="13" fillId="0" borderId="99" xfId="0" applyNumberFormat="1" applyFont="1" applyFill="1" applyBorder="1" applyAlignment="1">
      <alignment vertical="center"/>
    </xf>
    <xf numFmtId="0" fontId="13" fillId="0" borderId="3" xfId="0" applyFont="1" applyFill="1" applyBorder="1" applyAlignment="1">
      <alignment vertical="center"/>
    </xf>
    <xf numFmtId="0" fontId="47" fillId="0" borderId="0" xfId="0" applyFont="1" applyFill="1" applyBorder="1" applyAlignment="1">
      <alignment horizontal="left" vertical="center" wrapText="1"/>
    </xf>
    <xf numFmtId="0" fontId="0" fillId="0" borderId="0" xfId="0" applyFill="1" applyBorder="1" applyAlignment="1">
      <alignment vertical="top"/>
    </xf>
    <xf numFmtId="0" fontId="15" fillId="0" borderId="0" xfId="0" applyFont="1" applyFill="1" applyBorder="1" applyAlignment="1">
      <alignment vertical="center"/>
    </xf>
    <xf numFmtId="0" fontId="15" fillId="0" borderId="8" xfId="0" applyFont="1" applyFill="1" applyBorder="1" applyAlignment="1">
      <alignment vertical="center"/>
    </xf>
    <xf numFmtId="0" fontId="21" fillId="0" borderId="0" xfId="0" applyFont="1" applyFill="1" applyBorder="1"/>
    <xf numFmtId="0" fontId="13" fillId="0" borderId="0" xfId="0" applyFont="1" applyFill="1" applyBorder="1" applyAlignment="1">
      <alignment horizontal="left" vertical="center"/>
    </xf>
    <xf numFmtId="0" fontId="13" fillId="0" borderId="0" xfId="0" applyFont="1" applyFill="1" applyAlignment="1">
      <alignment vertical="top"/>
    </xf>
    <xf numFmtId="0" fontId="23" fillId="0" borderId="13" xfId="3" applyFont="1" applyBorder="1" applyAlignment="1">
      <alignment horizontal="center" vertical="center"/>
    </xf>
    <xf numFmtId="0" fontId="29" fillId="0" borderId="0" xfId="0" applyFont="1" applyFill="1" applyBorder="1" applyAlignment="1"/>
    <xf numFmtId="0" fontId="16" fillId="0" borderId="0" xfId="2" applyFont="1" applyFill="1" applyBorder="1" applyAlignment="1">
      <alignment horizontal="center"/>
    </xf>
    <xf numFmtId="0" fontId="16" fillId="0" borderId="5" xfId="3" applyFill="1" applyBorder="1">
      <alignment vertical="center"/>
    </xf>
    <xf numFmtId="0" fontId="16" fillId="0" borderId="15" xfId="3" applyFill="1" applyBorder="1">
      <alignment vertical="center"/>
    </xf>
    <xf numFmtId="0" fontId="16" fillId="0" borderId="17" xfId="3" applyFill="1" applyBorder="1">
      <alignment vertical="center"/>
    </xf>
    <xf numFmtId="0" fontId="16" fillId="0" borderId="12" xfId="3" applyFill="1" applyBorder="1">
      <alignment vertical="center"/>
    </xf>
    <xf numFmtId="0" fontId="16" fillId="0" borderId="0" xfId="3" applyFill="1" applyBorder="1">
      <alignment vertical="center"/>
    </xf>
    <xf numFmtId="0" fontId="16" fillId="0" borderId="8" xfId="3" applyFill="1" applyBorder="1">
      <alignment vertical="center"/>
    </xf>
    <xf numFmtId="0" fontId="16" fillId="0" borderId="13" xfId="3" applyFill="1" applyBorder="1">
      <alignment vertical="center"/>
    </xf>
    <xf numFmtId="0" fontId="16" fillId="0" borderId="2" xfId="3" applyFill="1" applyBorder="1">
      <alignment vertical="center"/>
    </xf>
    <xf numFmtId="0" fontId="16" fillId="0" borderId="10" xfId="3" applyFill="1" applyBorder="1">
      <alignment vertical="center"/>
    </xf>
    <xf numFmtId="0" fontId="23" fillId="0" borderId="18" xfId="3" applyFont="1" applyFill="1" applyBorder="1" applyAlignment="1">
      <alignment horizontal="center" vertical="center"/>
    </xf>
    <xf numFmtId="0" fontId="23" fillId="0" borderId="13" xfId="3" applyFont="1" applyFill="1" applyBorder="1" applyAlignment="1">
      <alignment horizontal="left" vertical="center"/>
    </xf>
    <xf numFmtId="0" fontId="23" fillId="0" borderId="10" xfId="3" applyFont="1" applyFill="1" applyBorder="1" applyAlignment="1">
      <alignment horizontal="right" vertical="center"/>
    </xf>
    <xf numFmtId="0" fontId="23" fillId="0" borderId="3" xfId="3" applyFont="1" applyFill="1" applyBorder="1" applyAlignment="1">
      <alignment horizontal="right" vertical="center"/>
    </xf>
    <xf numFmtId="0" fontId="23" fillId="0" borderId="2" xfId="3" applyFont="1" applyFill="1" applyBorder="1" applyAlignment="1">
      <alignment horizontal="left" vertical="center"/>
    </xf>
    <xf numFmtId="0" fontId="23" fillId="0" borderId="2" xfId="3" applyFont="1" applyFill="1" applyBorder="1">
      <alignment vertical="center"/>
    </xf>
    <xf numFmtId="0" fontId="23" fillId="0" borderId="2" xfId="3" applyFont="1" applyFill="1" applyBorder="1" applyAlignment="1">
      <alignment horizontal="right" vertical="center"/>
    </xf>
    <xf numFmtId="0" fontId="23" fillId="0" borderId="15" xfId="3" applyFont="1" applyFill="1" applyBorder="1" applyAlignment="1">
      <alignment horizontal="right" vertical="center"/>
    </xf>
    <xf numFmtId="0" fontId="23" fillId="0" borderId="5" xfId="3" applyFont="1" applyFill="1" applyBorder="1" applyAlignment="1">
      <alignment horizontal="right" vertical="center"/>
    </xf>
    <xf numFmtId="0" fontId="16" fillId="0" borderId="0" xfId="3" applyFill="1">
      <alignment vertical="center"/>
    </xf>
    <xf numFmtId="0" fontId="9" fillId="0" borderId="2" xfId="3" applyFont="1" applyFill="1" applyBorder="1" applyAlignment="1">
      <alignment horizontal="center" vertical="center"/>
    </xf>
    <xf numFmtId="0" fontId="23" fillId="0" borderId="2" xfId="3" applyFont="1" applyFill="1" applyBorder="1" applyAlignment="1">
      <alignment horizontal="center" vertical="center" wrapText="1"/>
    </xf>
    <xf numFmtId="0" fontId="9" fillId="0" borderId="13" xfId="3" applyFont="1" applyFill="1" applyBorder="1" applyAlignment="1">
      <alignment horizontal="center" vertical="center"/>
    </xf>
    <xf numFmtId="0" fontId="9" fillId="0" borderId="10" xfId="3" applyFont="1" applyFill="1" applyBorder="1" applyAlignment="1">
      <alignment horizontal="center" vertical="center"/>
    </xf>
    <xf numFmtId="0" fontId="23" fillId="0" borderId="124" xfId="3" applyFont="1" applyFill="1" applyBorder="1" applyAlignment="1">
      <alignment horizontal="center" vertical="center"/>
    </xf>
    <xf numFmtId="0" fontId="16" fillId="0" borderId="19" xfId="3" applyFill="1" applyBorder="1" applyAlignment="1">
      <alignment horizontal="center" vertical="center"/>
    </xf>
    <xf numFmtId="0" fontId="9" fillId="0" borderId="20" xfId="3" applyFont="1" applyFill="1" applyBorder="1" applyAlignment="1">
      <alignment horizontal="center" vertical="center"/>
    </xf>
    <xf numFmtId="0" fontId="16" fillId="0" borderId="18" xfId="3" applyFill="1" applyBorder="1" applyAlignment="1">
      <alignment horizontal="center" vertical="center"/>
    </xf>
    <xf numFmtId="0" fontId="0" fillId="0" borderId="0" xfId="0" applyFill="1"/>
    <xf numFmtId="0" fontId="9" fillId="0" borderId="5" xfId="2" applyFont="1" applyFill="1" applyBorder="1" applyAlignment="1">
      <alignment horizontal="center" vertical="center"/>
    </xf>
    <xf numFmtId="0" fontId="22" fillId="0" borderId="17" xfId="2" applyFont="1" applyFill="1" applyBorder="1" applyAlignment="1">
      <alignment horizontal="center" vertical="center"/>
    </xf>
    <xf numFmtId="0" fontId="22" fillId="0" borderId="5" xfId="2" applyFont="1" applyFill="1" applyBorder="1" applyAlignment="1">
      <alignment horizontal="center" vertical="center"/>
    </xf>
    <xf numFmtId="0" fontId="22" fillId="0" borderId="15" xfId="2" applyFont="1" applyFill="1" applyBorder="1" applyAlignment="1">
      <alignment horizontal="center" vertical="center"/>
    </xf>
    <xf numFmtId="0" fontId="22" fillId="0" borderId="12" xfId="2" applyFont="1" applyFill="1" applyBorder="1" applyAlignment="1">
      <alignment horizontal="center" vertical="center"/>
    </xf>
    <xf numFmtId="0" fontId="22" fillId="0" borderId="0" xfId="2" applyFont="1" applyFill="1" applyBorder="1" applyAlignment="1">
      <alignment horizontal="center" vertical="center"/>
    </xf>
    <xf numFmtId="0" fontId="22" fillId="0" borderId="8" xfId="2" applyFont="1" applyFill="1" applyBorder="1" applyAlignment="1">
      <alignment horizontal="center" vertical="center"/>
    </xf>
    <xf numFmtId="0" fontId="22" fillId="0" borderId="13" xfId="2" applyFont="1" applyFill="1" applyBorder="1" applyAlignment="1">
      <alignment horizontal="center" vertical="center"/>
    </xf>
    <xf numFmtId="0" fontId="22" fillId="0" borderId="2" xfId="2" applyFont="1" applyFill="1" applyBorder="1" applyAlignment="1">
      <alignment horizontal="center" vertical="center"/>
    </xf>
    <xf numFmtId="0" fontId="22" fillId="0" borderId="10" xfId="2" applyFont="1" applyFill="1" applyBorder="1" applyAlignment="1">
      <alignment horizontal="center" vertical="center"/>
    </xf>
    <xf numFmtId="0" fontId="9" fillId="0" borderId="17" xfId="2" applyFont="1" applyFill="1" applyBorder="1" applyAlignment="1">
      <alignment horizontal="center" vertical="center"/>
    </xf>
    <xf numFmtId="0" fontId="15" fillId="0" borderId="114" xfId="2" applyFont="1" applyFill="1" applyBorder="1" applyAlignment="1">
      <alignment vertical="center"/>
    </xf>
    <xf numFmtId="0" fontId="15" fillId="0" borderId="84" xfId="2" applyFont="1" applyFill="1" applyBorder="1" applyAlignment="1">
      <alignment vertical="center"/>
    </xf>
    <xf numFmtId="0" fontId="15" fillId="0" borderId="115" xfId="2" applyFont="1" applyFill="1" applyBorder="1" applyAlignment="1">
      <alignment vertical="center"/>
    </xf>
    <xf numFmtId="0" fontId="13" fillId="0" borderId="0" xfId="2" applyFont="1" applyFill="1" applyBorder="1" applyAlignment="1">
      <alignment horizontal="center" vertical="center"/>
    </xf>
    <xf numFmtId="0" fontId="0" fillId="0" borderId="0" xfId="0" applyFill="1" applyBorder="1" applyAlignment="1">
      <alignment vertical="center"/>
    </xf>
    <xf numFmtId="0" fontId="16" fillId="0" borderId="65" xfId="2" applyFont="1" applyFill="1" applyBorder="1" applyAlignment="1">
      <alignment horizontal="center" vertical="center"/>
    </xf>
    <xf numFmtId="0" fontId="15" fillId="0" borderId="125" xfId="2" applyFont="1" applyFill="1" applyBorder="1" applyAlignment="1">
      <alignment horizontal="center" vertical="center"/>
    </xf>
    <xf numFmtId="0" fontId="15" fillId="0" borderId="126" xfId="2" applyFont="1" applyFill="1" applyBorder="1" applyAlignment="1">
      <alignment horizontal="center" vertical="center"/>
    </xf>
    <xf numFmtId="0" fontId="47" fillId="0" borderId="0" xfId="0" applyFont="1" applyFill="1" applyBorder="1" applyAlignment="1">
      <alignment vertical="center"/>
    </xf>
    <xf numFmtId="0" fontId="0" fillId="0" borderId="0" xfId="0" applyFont="1" applyFill="1" applyBorder="1" applyAlignment="1">
      <alignment horizontal="center" vertical="center"/>
    </xf>
    <xf numFmtId="0" fontId="15" fillId="0" borderId="2" xfId="2" applyFont="1" applyFill="1" applyBorder="1" applyAlignment="1">
      <alignment vertical="center"/>
    </xf>
    <xf numFmtId="0" fontId="15" fillId="0" borderId="3" xfId="2" applyFont="1" applyFill="1" applyBorder="1" applyAlignment="1">
      <alignment vertical="center"/>
    </xf>
    <xf numFmtId="0" fontId="15" fillId="0" borderId="97" xfId="2" applyFont="1" applyFill="1" applyBorder="1" applyAlignment="1">
      <alignment vertical="center"/>
    </xf>
    <xf numFmtId="0" fontId="15" fillId="0" borderId="98" xfId="2" applyFont="1" applyFill="1" applyBorder="1" applyAlignment="1">
      <alignment vertical="center"/>
    </xf>
    <xf numFmtId="0" fontId="15" fillId="0" borderId="4" xfId="2" applyFont="1" applyFill="1" applyBorder="1" applyAlignment="1">
      <alignment vertical="center"/>
    </xf>
    <xf numFmtId="0" fontId="15" fillId="0" borderId="0" xfId="2" applyFont="1" applyFill="1" applyBorder="1" applyAlignment="1">
      <alignment vertical="center"/>
    </xf>
    <xf numFmtId="0" fontId="15" fillId="0" borderId="7" xfId="2" applyFont="1" applyFill="1" applyBorder="1" applyAlignment="1">
      <alignment vertical="center"/>
    </xf>
    <xf numFmtId="0" fontId="13" fillId="0" borderId="4" xfId="2" applyFill="1" applyBorder="1" applyAlignment="1">
      <alignment horizontal="center" vertical="center"/>
    </xf>
    <xf numFmtId="0" fontId="15" fillId="0" borderId="5" xfId="2" applyFont="1" applyFill="1" applyBorder="1" applyAlignment="1">
      <alignment vertical="center"/>
    </xf>
    <xf numFmtId="0" fontId="15" fillId="0" borderId="6" xfId="2" applyFont="1" applyFill="1" applyBorder="1" applyAlignment="1">
      <alignment vertical="center"/>
    </xf>
    <xf numFmtId="0" fontId="8" fillId="0" borderId="17" xfId="0" applyFont="1" applyBorder="1" applyAlignment="1">
      <alignment horizontal="center"/>
    </xf>
    <xf numFmtId="0" fontId="8" fillId="0" borderId="31" xfId="0" applyFont="1" applyBorder="1" applyAlignment="1">
      <alignment horizontal="center"/>
    </xf>
    <xf numFmtId="0" fontId="56" fillId="0" borderId="0" xfId="0" applyFont="1" applyFill="1" applyAlignment="1">
      <alignment horizontal="center"/>
    </xf>
    <xf numFmtId="0" fontId="55" fillId="0" borderId="0" xfId="0" applyFont="1" applyFill="1" applyAlignment="1">
      <alignment vertical="top" wrapText="1"/>
    </xf>
    <xf numFmtId="0" fontId="55" fillId="0" borderId="0" xfId="0" applyFont="1" applyFill="1" applyAlignment="1">
      <alignment vertical="top"/>
    </xf>
    <xf numFmtId="0" fontId="6" fillId="0" borderId="93" xfId="0" applyFont="1" applyFill="1" applyBorder="1" applyAlignment="1">
      <alignment horizontal="distributed" vertical="center" wrapText="1"/>
    </xf>
    <xf numFmtId="0" fontId="6" fillId="0" borderId="1" xfId="0" applyFont="1" applyFill="1" applyBorder="1" applyAlignment="1">
      <alignment horizontal="distributed" vertical="center"/>
    </xf>
    <xf numFmtId="0" fontId="6" fillId="0" borderId="100" xfId="0" applyFont="1" applyFill="1" applyBorder="1" applyAlignment="1">
      <alignment horizontal="distributed" vertical="center"/>
    </xf>
    <xf numFmtId="0" fontId="10" fillId="0" borderId="9" xfId="0" applyFont="1" applyFill="1" applyBorder="1" applyAlignment="1">
      <alignment horizontal="distributed" vertical="center"/>
    </xf>
    <xf numFmtId="0" fontId="10" fillId="0" borderId="2" xfId="0" applyFont="1" applyFill="1" applyBorder="1" applyAlignment="1">
      <alignment horizontal="distributed" vertical="center"/>
    </xf>
    <xf numFmtId="0" fontId="10" fillId="0" borderId="10" xfId="0" applyFont="1" applyFill="1" applyBorder="1" applyAlignment="1">
      <alignment horizontal="distributed" vertical="center"/>
    </xf>
    <xf numFmtId="0" fontId="6" fillId="0" borderId="0" xfId="0" applyFont="1" applyFill="1" applyBorder="1" applyAlignment="1">
      <alignment horizontal="center" vertical="center"/>
    </xf>
    <xf numFmtId="0" fontId="4" fillId="0" borderId="4" xfId="0" applyFont="1" applyFill="1" applyBorder="1" applyAlignment="1">
      <alignment horizontal="center" vertical="center" wrapText="1"/>
    </xf>
    <xf numFmtId="0" fontId="4" fillId="0" borderId="40" xfId="0" applyFont="1" applyFill="1" applyBorder="1" applyAlignment="1">
      <alignment horizontal="center" vertical="center" wrapText="1"/>
    </xf>
    <xf numFmtId="0" fontId="4" fillId="0" borderId="69" xfId="0" applyFont="1" applyFill="1" applyBorder="1" applyAlignment="1">
      <alignment horizontal="distributed" vertical="center"/>
    </xf>
    <xf numFmtId="0" fontId="5" fillId="0" borderId="69" xfId="0" applyFont="1" applyFill="1" applyBorder="1" applyAlignment="1"/>
    <xf numFmtId="0" fontId="6" fillId="0" borderId="48" xfId="0" applyFont="1" applyFill="1" applyBorder="1" applyAlignment="1">
      <alignment horizontal="left" vertical="center"/>
    </xf>
    <xf numFmtId="0" fontId="6" fillId="0" borderId="68" xfId="0" applyFont="1" applyFill="1" applyBorder="1" applyAlignment="1">
      <alignment horizontal="left" vertical="center"/>
    </xf>
    <xf numFmtId="0" fontId="7" fillId="0" borderId="0" xfId="0" applyFont="1" applyFill="1" applyAlignment="1">
      <alignment horizontal="distributed"/>
    </xf>
    <xf numFmtId="0" fontId="6" fillId="0" borderId="0" xfId="0" applyFont="1" applyFill="1" applyBorder="1" applyAlignment="1">
      <alignment horizontal="center"/>
    </xf>
    <xf numFmtId="0" fontId="9" fillId="0" borderId="0" xfId="0" applyFont="1" applyFill="1" applyAlignment="1">
      <alignment horizontal="center"/>
    </xf>
    <xf numFmtId="0" fontId="4" fillId="0" borderId="96" xfId="0" applyFont="1" applyFill="1" applyBorder="1" applyAlignment="1">
      <alignment horizontal="distributed" vertical="center"/>
    </xf>
    <xf numFmtId="0" fontId="4" fillId="0" borderId="97" xfId="0" applyFont="1" applyFill="1" applyBorder="1" applyAlignment="1">
      <alignment horizontal="distributed" vertical="center"/>
    </xf>
    <xf numFmtId="0" fontId="4" fillId="0" borderId="101" xfId="0" applyFont="1" applyFill="1" applyBorder="1" applyAlignment="1">
      <alignment horizontal="distributed" vertical="center"/>
    </xf>
    <xf numFmtId="0" fontId="3" fillId="0" borderId="59" xfId="0" applyFont="1" applyFill="1" applyBorder="1" applyAlignment="1">
      <alignment horizontal="center" vertical="center"/>
    </xf>
    <xf numFmtId="0" fontId="3" fillId="0" borderId="60" xfId="0" applyFont="1" applyFill="1" applyBorder="1" applyAlignment="1">
      <alignment horizontal="center" vertical="center"/>
    </xf>
    <xf numFmtId="0" fontId="3" fillId="0" borderId="61" xfId="0" applyFont="1" applyFill="1" applyBorder="1" applyAlignment="1">
      <alignment horizontal="center" vertical="center"/>
    </xf>
    <xf numFmtId="0" fontId="2" fillId="0" borderId="92" xfId="0" applyFont="1" applyFill="1" applyBorder="1" applyAlignment="1">
      <alignment horizontal="center"/>
    </xf>
    <xf numFmtId="0" fontId="7" fillId="0" borderId="1" xfId="0" applyFont="1" applyFill="1" applyBorder="1" applyAlignment="1">
      <alignment horizontal="center"/>
    </xf>
    <xf numFmtId="0" fontId="7" fillId="0" borderId="94" xfId="0" applyFont="1" applyFill="1" applyBorder="1" applyAlignment="1">
      <alignment horizontal="center"/>
    </xf>
    <xf numFmtId="0" fontId="7" fillId="0" borderId="13" xfId="0" applyFont="1" applyFill="1" applyBorder="1" applyAlignment="1">
      <alignment horizontal="center"/>
    </xf>
    <xf numFmtId="0" fontId="7" fillId="0" borderId="2" xfId="0" applyFont="1" applyFill="1" applyBorder="1" applyAlignment="1">
      <alignment horizontal="center"/>
    </xf>
    <xf numFmtId="0" fontId="7" fillId="0" borderId="3" xfId="0" applyFont="1" applyFill="1" applyBorder="1" applyAlignment="1">
      <alignment horizontal="center"/>
    </xf>
    <xf numFmtId="0" fontId="3" fillId="0" borderId="102" xfId="0" applyFont="1" applyFill="1" applyBorder="1" applyAlignment="1">
      <alignment horizontal="center" vertical="center"/>
    </xf>
    <xf numFmtId="0" fontId="3" fillId="0" borderId="63" xfId="0" applyFont="1" applyFill="1" applyBorder="1" applyAlignment="1">
      <alignment horizontal="center" vertical="center"/>
    </xf>
    <xf numFmtId="0" fontId="3" fillId="0" borderId="64" xfId="0" applyFont="1" applyFill="1" applyBorder="1" applyAlignment="1">
      <alignment horizontal="center" vertical="center"/>
    </xf>
    <xf numFmtId="0" fontId="4" fillId="0" borderId="6" xfId="0" applyFont="1" applyBorder="1" applyAlignment="1">
      <alignment horizontal="left" vertical="center"/>
    </xf>
    <xf numFmtId="0" fontId="4" fillId="0" borderId="34" xfId="0" applyFont="1" applyBorder="1" applyAlignment="1">
      <alignment horizontal="left" vertical="center"/>
    </xf>
    <xf numFmtId="0" fontId="4" fillId="0" borderId="0" xfId="0" applyFont="1" applyFill="1" applyBorder="1" applyAlignment="1">
      <alignment horizontal="center" vertical="center" wrapText="1"/>
    </xf>
    <xf numFmtId="0" fontId="4" fillId="0" borderId="7" xfId="0" applyFont="1" applyFill="1" applyBorder="1" applyAlignment="1">
      <alignment horizontal="center" vertical="center" wrapText="1"/>
    </xf>
    <xf numFmtId="0" fontId="0" fillId="0" borderId="66" xfId="0" applyFont="1" applyFill="1" applyBorder="1" applyAlignment="1">
      <alignment horizontal="center" vertical="center" wrapText="1"/>
    </xf>
    <xf numFmtId="0" fontId="0" fillId="0" borderId="45" xfId="0" applyFont="1" applyFill="1" applyBorder="1" applyAlignment="1">
      <alignment horizontal="center" vertical="center" wrapText="1"/>
    </xf>
    <xf numFmtId="0" fontId="0" fillId="0" borderId="46" xfId="0" applyFont="1" applyFill="1" applyBorder="1" applyAlignment="1">
      <alignment horizontal="center" vertical="center" wrapText="1"/>
    </xf>
    <xf numFmtId="0" fontId="0" fillId="0" borderId="34" xfId="0" applyFont="1" applyFill="1" applyBorder="1" applyAlignment="1">
      <alignment horizontal="center" vertical="center" wrapText="1"/>
    </xf>
    <xf numFmtId="0" fontId="4" fillId="0" borderId="0" xfId="0" applyFont="1" applyFill="1" applyBorder="1" applyAlignment="1">
      <alignment horizontal="distributed" vertical="center"/>
    </xf>
    <xf numFmtId="0" fontId="30" fillId="0" borderId="4" xfId="0" applyFont="1" applyFill="1" applyBorder="1" applyAlignment="1">
      <alignment horizontal="left" vertical="center"/>
    </xf>
    <xf numFmtId="0" fontId="30" fillId="0" borderId="0" xfId="0" applyFont="1" applyFill="1" applyBorder="1" applyAlignment="1">
      <alignment horizontal="left" vertical="center"/>
    </xf>
    <xf numFmtId="0" fontId="11" fillId="0" borderId="4" xfId="0" applyFont="1" applyFill="1" applyBorder="1" applyAlignment="1">
      <alignment horizontal="left" vertical="center"/>
    </xf>
    <xf numFmtId="0" fontId="12" fillId="0" borderId="0" xfId="0" applyFont="1" applyFill="1" applyBorder="1" applyAlignment="1">
      <alignment horizontal="left" vertical="center"/>
    </xf>
    <xf numFmtId="0" fontId="0" fillId="0" borderId="4" xfId="0" applyFill="1" applyBorder="1" applyAlignment="1">
      <alignment horizontal="left" vertical="center"/>
    </xf>
    <xf numFmtId="0" fontId="0" fillId="0" borderId="0" xfId="0" applyFill="1" applyBorder="1" applyAlignment="1">
      <alignment horizontal="left" vertical="center"/>
    </xf>
    <xf numFmtId="0" fontId="4" fillId="0" borderId="96" xfId="0" applyFont="1" applyFill="1" applyBorder="1" applyAlignment="1">
      <alignment horizontal="center" vertical="center"/>
    </xf>
    <xf numFmtId="0" fontId="4" fillId="0" borderId="103" xfId="0" applyFont="1" applyFill="1" applyBorder="1" applyAlignment="1">
      <alignment horizontal="center" vertical="center"/>
    </xf>
    <xf numFmtId="0" fontId="6" fillId="0" borderId="66" xfId="0" applyFont="1" applyFill="1" applyBorder="1" applyAlignment="1">
      <alignment horizontal="distributed" vertical="center"/>
    </xf>
    <xf numFmtId="0" fontId="6" fillId="0" borderId="11" xfId="0" applyFont="1" applyFill="1" applyBorder="1" applyAlignment="1">
      <alignment horizontal="distributed" vertical="center"/>
    </xf>
    <xf numFmtId="0" fontId="6" fillId="0" borderId="33" xfId="0" applyFont="1" applyFill="1" applyBorder="1" applyAlignment="1">
      <alignment horizontal="distributed" vertical="center"/>
    </xf>
    <xf numFmtId="0" fontId="6" fillId="0" borderId="14" xfId="0" applyFont="1" applyFill="1" applyBorder="1" applyAlignment="1">
      <alignment horizontal="distributed"/>
    </xf>
    <xf numFmtId="0" fontId="6" fillId="0" borderId="5" xfId="0" applyFont="1" applyFill="1" applyBorder="1" applyAlignment="1">
      <alignment horizontal="distributed"/>
    </xf>
    <xf numFmtId="0" fontId="6" fillId="0" borderId="15" xfId="0" applyFont="1" applyFill="1" applyBorder="1" applyAlignment="1">
      <alignment horizontal="distributed"/>
    </xf>
    <xf numFmtId="0" fontId="6" fillId="0" borderId="4" xfId="0" applyFont="1" applyFill="1" applyBorder="1" applyAlignment="1">
      <alignment horizontal="distributed"/>
    </xf>
    <xf numFmtId="0" fontId="6" fillId="0" borderId="0" xfId="0" applyFont="1" applyFill="1" applyAlignment="1">
      <alignment horizontal="distributed"/>
    </xf>
    <xf numFmtId="0" fontId="6" fillId="0" borderId="8" xfId="0" applyFont="1" applyFill="1" applyBorder="1" applyAlignment="1">
      <alignment horizontal="distributed"/>
    </xf>
    <xf numFmtId="0" fontId="4" fillId="0" borderId="4" xfId="0" applyFont="1" applyFill="1" applyBorder="1" applyAlignment="1">
      <alignment horizontal="distributed" vertical="center"/>
    </xf>
    <xf numFmtId="0" fontId="4" fillId="0" borderId="8" xfId="0" applyFont="1" applyFill="1" applyBorder="1" applyAlignment="1">
      <alignment horizontal="distributed" vertical="center"/>
    </xf>
    <xf numFmtId="0" fontId="6" fillId="0" borderId="93" xfId="0" applyFont="1" applyFill="1" applyBorder="1" applyAlignment="1">
      <alignment horizontal="distributed" vertical="center"/>
    </xf>
    <xf numFmtId="0" fontId="6" fillId="0" borderId="9" xfId="0" applyFont="1" applyFill="1" applyBorder="1" applyAlignment="1">
      <alignment horizontal="distributed" vertical="center"/>
    </xf>
    <xf numFmtId="0" fontId="6" fillId="0" borderId="2" xfId="0" applyFont="1" applyFill="1" applyBorder="1" applyAlignment="1">
      <alignment horizontal="distributed" vertical="center"/>
    </xf>
    <xf numFmtId="0" fontId="6" fillId="0" borderId="10" xfId="0" applyFont="1" applyFill="1" applyBorder="1" applyAlignment="1">
      <alignment horizontal="distributed" vertical="center"/>
    </xf>
    <xf numFmtId="0" fontId="6" fillId="0" borderId="4" xfId="0" applyFont="1" applyFill="1" applyBorder="1" applyAlignment="1">
      <alignment horizontal="distributed" vertical="center"/>
    </xf>
    <xf numFmtId="0" fontId="6" fillId="0" borderId="0" xfId="0" applyFont="1" applyFill="1" applyBorder="1" applyAlignment="1">
      <alignment horizontal="distributed" vertical="center"/>
    </xf>
    <xf numFmtId="0" fontId="6" fillId="0" borderId="8" xfId="0" applyFont="1" applyFill="1" applyBorder="1" applyAlignment="1">
      <alignment horizontal="distributed" vertical="center"/>
    </xf>
    <xf numFmtId="0" fontId="7" fillId="0" borderId="8" xfId="0" applyFont="1" applyFill="1" applyBorder="1" applyAlignment="1">
      <alignment horizontal="center"/>
    </xf>
    <xf numFmtId="0" fontId="7" fillId="0" borderId="10" xfId="0" applyFont="1" applyFill="1" applyBorder="1" applyAlignment="1">
      <alignment horizontal="center"/>
    </xf>
    <xf numFmtId="0" fontId="6" fillId="0" borderId="67" xfId="0" applyFont="1" applyFill="1" applyBorder="1" applyAlignment="1">
      <alignment vertical="center" wrapText="1"/>
    </xf>
    <xf numFmtId="0" fontId="6" fillId="0" borderId="49" xfId="0" applyFont="1" applyFill="1" applyBorder="1" applyAlignment="1">
      <alignment vertical="center" wrapText="1"/>
    </xf>
    <xf numFmtId="0" fontId="6" fillId="0" borderId="68" xfId="0" applyFont="1" applyFill="1" applyBorder="1" applyAlignment="1">
      <alignment vertical="center" wrapText="1"/>
    </xf>
    <xf numFmtId="0" fontId="7" fillId="0" borderId="4" xfId="0" applyFont="1" applyFill="1" applyBorder="1" applyAlignment="1">
      <alignment horizontal="center"/>
    </xf>
    <xf numFmtId="0" fontId="7" fillId="0" borderId="9" xfId="0" applyFont="1" applyFill="1" applyBorder="1" applyAlignment="1">
      <alignment horizontal="center"/>
    </xf>
    <xf numFmtId="0" fontId="6" fillId="0" borderId="14" xfId="0" applyFont="1" applyFill="1" applyBorder="1" applyAlignment="1">
      <alignment horizontal="distributed" vertical="center"/>
    </xf>
    <xf numFmtId="0" fontId="6" fillId="0" borderId="5" xfId="0" applyFont="1" applyFill="1" applyBorder="1" applyAlignment="1">
      <alignment horizontal="distributed" vertical="center"/>
    </xf>
    <xf numFmtId="0" fontId="6" fillId="0" borderId="15" xfId="0" applyFont="1" applyFill="1" applyBorder="1" applyAlignment="1">
      <alignment horizontal="distributed" vertical="center"/>
    </xf>
    <xf numFmtId="0" fontId="4" fillId="0" borderId="0" xfId="0" applyFont="1" applyFill="1" applyBorder="1" applyAlignment="1">
      <alignment horizontal="center" vertical="center"/>
    </xf>
    <xf numFmtId="0" fontId="4" fillId="0" borderId="7" xfId="0" applyFont="1" applyFill="1" applyBorder="1" applyAlignment="1">
      <alignment horizontal="center" vertical="center"/>
    </xf>
    <xf numFmtId="0" fontId="8" fillId="0" borderId="92"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2" xfId="0" applyFont="1" applyFill="1" applyBorder="1" applyAlignment="1">
      <alignment horizontal="center" vertical="center"/>
    </xf>
    <xf numFmtId="0" fontId="8" fillId="0" borderId="0" xfId="0" applyFont="1" applyFill="1" applyBorder="1" applyAlignment="1">
      <alignment horizontal="center" vertical="center"/>
    </xf>
    <xf numFmtId="0" fontId="8" fillId="0" borderId="13" xfId="0" applyFont="1" applyFill="1" applyBorder="1" applyAlignment="1">
      <alignment horizontal="center" vertical="center"/>
    </xf>
    <xf numFmtId="0" fontId="8" fillId="0" borderId="2" xfId="0" applyFont="1" applyFill="1" applyBorder="1" applyAlignment="1">
      <alignment horizontal="center" vertical="center"/>
    </xf>
    <xf numFmtId="0" fontId="4" fillId="0" borderId="94" xfId="0" applyFont="1" applyFill="1" applyBorder="1" applyAlignment="1">
      <alignment horizontal="left" vertical="center"/>
    </xf>
    <xf numFmtId="0" fontId="4" fillId="0" borderId="7" xfId="0" applyFont="1" applyFill="1" applyBorder="1" applyAlignment="1">
      <alignment horizontal="left" vertical="center"/>
    </xf>
    <xf numFmtId="0" fontId="4" fillId="0" borderId="3" xfId="0" applyFont="1" applyFill="1" applyBorder="1" applyAlignment="1">
      <alignment horizontal="left" vertical="center"/>
    </xf>
    <xf numFmtId="0" fontId="8" fillId="0" borderId="17" xfId="0" applyFont="1" applyFill="1" applyBorder="1" applyAlignment="1">
      <alignment horizontal="center" vertical="center"/>
    </xf>
    <xf numFmtId="0" fontId="3" fillId="0" borderId="50" xfId="0" applyFont="1" applyFill="1" applyBorder="1" applyAlignment="1">
      <alignment horizontal="center" vertical="center"/>
    </xf>
    <xf numFmtId="0" fontId="3" fillId="0" borderId="51" xfId="0" applyFont="1" applyFill="1" applyBorder="1" applyAlignment="1">
      <alignment horizontal="center" vertical="center"/>
    </xf>
    <xf numFmtId="0" fontId="7" fillId="0" borderId="92"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13" xfId="0" applyFont="1" applyFill="1" applyBorder="1" applyAlignment="1">
      <alignment horizontal="center" vertical="center"/>
    </xf>
    <xf numFmtId="0" fontId="7" fillId="0" borderId="2" xfId="0" applyFont="1" applyFill="1" applyBorder="1" applyAlignment="1">
      <alignment horizontal="center" vertical="center"/>
    </xf>
    <xf numFmtId="0" fontId="3" fillId="0" borderId="95" xfId="0" applyFont="1" applyFill="1" applyBorder="1" applyAlignment="1">
      <alignment horizontal="center" vertical="center"/>
    </xf>
    <xf numFmtId="0" fontId="3" fillId="0" borderId="90" xfId="0" applyFont="1" applyFill="1" applyBorder="1" applyAlignment="1">
      <alignment horizontal="center" vertical="center"/>
    </xf>
    <xf numFmtId="0" fontId="4" fillId="0" borderId="0" xfId="0" applyFont="1" applyFill="1" applyBorder="1" applyAlignment="1">
      <alignment horizontal="left" wrapText="1"/>
    </xf>
    <xf numFmtId="0" fontId="0" fillId="0" borderId="0" xfId="0" applyFill="1" applyBorder="1" applyAlignment="1">
      <alignment horizontal="left" wrapText="1"/>
    </xf>
    <xf numFmtId="0" fontId="3" fillId="0" borderId="4" xfId="0" applyFont="1" applyFill="1" applyBorder="1" applyAlignment="1">
      <alignment horizontal="center" vertical="center"/>
    </xf>
    <xf numFmtId="0" fontId="3" fillId="0" borderId="40" xfId="0" applyFont="1" applyFill="1" applyBorder="1" applyAlignment="1">
      <alignment horizontal="center" vertical="center"/>
    </xf>
    <xf numFmtId="0" fontId="3" fillId="0" borderId="66" xfId="0" applyFont="1" applyFill="1" applyBorder="1" applyAlignment="1">
      <alignment horizontal="center" vertical="center"/>
    </xf>
    <xf numFmtId="0" fontId="3" fillId="0" borderId="45"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11" xfId="0" applyFont="1" applyFill="1" applyBorder="1" applyAlignment="1">
      <alignment horizontal="center" vertical="center"/>
    </xf>
    <xf numFmtId="0" fontId="3" fillId="0" borderId="34" xfId="0" applyFont="1" applyFill="1" applyBorder="1" applyAlignment="1">
      <alignment horizontal="center" vertical="center"/>
    </xf>
    <xf numFmtId="0" fontId="6" fillId="0" borderId="0" xfId="0" applyFont="1" applyFill="1" applyBorder="1" applyAlignment="1">
      <alignment horizontal="left" wrapText="1"/>
    </xf>
    <xf numFmtId="0" fontId="0" fillId="0" borderId="0" xfId="0" applyFill="1" applyAlignment="1">
      <alignment horizontal="left" wrapText="1"/>
    </xf>
    <xf numFmtId="0" fontId="16" fillId="0" borderId="0" xfId="2" applyFont="1" applyFill="1" applyAlignment="1">
      <alignment horizontal="left" vertical="top" wrapText="1"/>
    </xf>
    <xf numFmtId="0" fontId="16" fillId="0" borderId="0" xfId="2" applyFont="1" applyFill="1" applyAlignment="1">
      <alignment horizontal="right" vertical="center"/>
    </xf>
    <xf numFmtId="49" fontId="52" fillId="0" borderId="17" xfId="2" applyNumberFormat="1" applyFont="1" applyFill="1" applyBorder="1" applyAlignment="1">
      <alignment horizontal="center" vertical="center" shrinkToFit="1"/>
    </xf>
    <xf numFmtId="49" fontId="52" fillId="0" borderId="5" xfId="2" applyNumberFormat="1" applyFont="1" applyFill="1" applyBorder="1" applyAlignment="1">
      <alignment horizontal="center" vertical="center" shrinkToFit="1"/>
    </xf>
    <xf numFmtId="49" fontId="52" fillId="0" borderId="15" xfId="2" applyNumberFormat="1" applyFont="1" applyFill="1" applyBorder="1" applyAlignment="1">
      <alignment horizontal="center" vertical="center" shrinkToFit="1"/>
    </xf>
    <xf numFmtId="49" fontId="52" fillId="0" borderId="12" xfId="2" applyNumberFormat="1" applyFont="1" applyFill="1" applyBorder="1" applyAlignment="1">
      <alignment horizontal="center" vertical="center" shrinkToFit="1"/>
    </xf>
    <xf numFmtId="49" fontId="52" fillId="0" borderId="0" xfId="2" applyNumberFormat="1" applyFont="1" applyFill="1" applyBorder="1" applyAlignment="1">
      <alignment horizontal="center" vertical="center" shrinkToFit="1"/>
    </xf>
    <xf numFmtId="49" fontId="52" fillId="0" borderId="8" xfId="2" applyNumberFormat="1" applyFont="1" applyFill="1" applyBorder="1" applyAlignment="1">
      <alignment horizontal="center" vertical="center" shrinkToFit="1"/>
    </xf>
    <xf numFmtId="49" fontId="52" fillId="0" borderId="14" xfId="2" applyNumberFormat="1" applyFont="1" applyFill="1" applyBorder="1" applyAlignment="1">
      <alignment horizontal="center" vertical="center" shrinkToFit="1"/>
    </xf>
    <xf numFmtId="0" fontId="15" fillId="0" borderId="9" xfId="2" applyFont="1" applyFill="1" applyBorder="1" applyAlignment="1">
      <alignment horizontal="center" vertical="center"/>
    </xf>
    <xf numFmtId="0" fontId="15" fillId="0" borderId="2" xfId="2" applyFont="1" applyFill="1" applyBorder="1" applyAlignment="1">
      <alignment horizontal="center" vertical="center"/>
    </xf>
    <xf numFmtId="0" fontId="15" fillId="0" borderId="3" xfId="2" applyFont="1" applyFill="1" applyBorder="1" applyAlignment="1">
      <alignment horizontal="center" vertical="center"/>
    </xf>
    <xf numFmtId="0" fontId="15" fillId="0" borderId="14" xfId="2" applyFont="1" applyFill="1" applyBorder="1" applyAlignment="1">
      <alignment horizontal="center" vertical="center"/>
    </xf>
    <xf numFmtId="0" fontId="15" fillId="0" borderId="5" xfId="2" applyFont="1" applyFill="1" applyBorder="1" applyAlignment="1">
      <alignment horizontal="center" vertical="center"/>
    </xf>
    <xf numFmtId="0" fontId="15" fillId="0" borderId="15" xfId="2" applyFont="1" applyFill="1" applyBorder="1" applyAlignment="1">
      <alignment horizontal="center" vertical="center"/>
    </xf>
    <xf numFmtId="0" fontId="15" fillId="0" borderId="10" xfId="2" applyFont="1" applyFill="1" applyBorder="1" applyAlignment="1">
      <alignment horizontal="center" vertical="center"/>
    </xf>
    <xf numFmtId="0" fontId="16" fillId="0" borderId="9" xfId="2" applyFont="1" applyFill="1" applyBorder="1" applyAlignment="1">
      <alignment horizontal="right" vertical="center"/>
    </xf>
    <xf numFmtId="0" fontId="16" fillId="0" borderId="2" xfId="2" applyFont="1" applyFill="1" applyBorder="1" applyAlignment="1">
      <alignment horizontal="right" vertical="center"/>
    </xf>
    <xf numFmtId="0" fontId="16" fillId="0" borderId="10" xfId="2" applyFont="1" applyFill="1" applyBorder="1" applyAlignment="1">
      <alignment horizontal="right" vertical="center"/>
    </xf>
    <xf numFmtId="0" fontId="16" fillId="0" borderId="13" xfId="2" applyFont="1" applyFill="1" applyBorder="1" applyAlignment="1">
      <alignment horizontal="right" vertical="center"/>
    </xf>
    <xf numFmtId="0" fontId="15" fillId="0" borderId="0" xfId="2" applyFont="1" applyFill="1" applyBorder="1" applyAlignment="1">
      <alignment horizontal="center" vertical="center"/>
    </xf>
    <xf numFmtId="0" fontId="15" fillId="0" borderId="7" xfId="2" applyFont="1" applyFill="1" applyBorder="1" applyAlignment="1">
      <alignment horizontal="center" vertical="center"/>
    </xf>
    <xf numFmtId="0" fontId="27" fillId="0" borderId="66" xfId="2" applyFont="1" applyFill="1" applyBorder="1" applyAlignment="1">
      <alignment horizontal="center" vertical="center"/>
    </xf>
    <xf numFmtId="0" fontId="27" fillId="0" borderId="11" xfId="2" applyFont="1" applyFill="1" applyBorder="1" applyAlignment="1">
      <alignment horizontal="center" vertical="center"/>
    </xf>
    <xf numFmtId="0" fontId="27" fillId="0" borderId="33" xfId="2" applyFont="1" applyFill="1" applyBorder="1" applyAlignment="1">
      <alignment horizontal="center" vertical="center"/>
    </xf>
    <xf numFmtId="0" fontId="9" fillId="0" borderId="14" xfId="2" applyFont="1" applyFill="1" applyBorder="1" applyAlignment="1">
      <alignment horizontal="center" vertical="center"/>
    </xf>
    <xf numFmtId="0" fontId="9" fillId="0" borderId="5" xfId="2" applyFont="1" applyFill="1" applyBorder="1" applyAlignment="1">
      <alignment horizontal="center" vertical="center"/>
    </xf>
    <xf numFmtId="0" fontId="27" fillId="0" borderId="31" xfId="2" applyFont="1" applyFill="1" applyBorder="1" applyAlignment="1">
      <alignment horizontal="center" vertical="center"/>
    </xf>
    <xf numFmtId="0" fontId="9" fillId="0" borderId="96" xfId="2" applyFont="1" applyFill="1" applyBorder="1" applyAlignment="1">
      <alignment horizontal="center" vertical="center" textRotation="255"/>
    </xf>
    <xf numFmtId="0" fontId="9" fillId="0" borderId="101" xfId="2" applyFont="1" applyFill="1" applyBorder="1" applyAlignment="1">
      <alignment horizontal="center" vertical="center" textRotation="255"/>
    </xf>
    <xf numFmtId="0" fontId="15" fillId="0" borderId="113" xfId="2" applyFont="1" applyFill="1" applyBorder="1" applyAlignment="1">
      <alignment horizontal="center" vertical="center"/>
    </xf>
    <xf numFmtId="0" fontId="15" fillId="0" borderId="97" xfId="2" applyFont="1" applyFill="1" applyBorder="1" applyAlignment="1">
      <alignment horizontal="center" vertical="center"/>
    </xf>
    <xf numFmtId="0" fontId="15" fillId="0" borderId="98" xfId="2" applyFont="1" applyFill="1" applyBorder="1" applyAlignment="1">
      <alignment horizontal="center" vertical="center"/>
    </xf>
    <xf numFmtId="0" fontId="16" fillId="0" borderId="17" xfId="2" applyFont="1" applyFill="1" applyBorder="1" applyAlignment="1">
      <alignment horizontal="center" vertical="center"/>
    </xf>
    <xf numFmtId="0" fontId="16" fillId="0" borderId="15" xfId="2" applyFont="1" applyFill="1" applyBorder="1" applyAlignment="1">
      <alignment horizontal="center" vertical="center"/>
    </xf>
    <xf numFmtId="0" fontId="13" fillId="0" borderId="14" xfId="2" applyFont="1" applyFill="1" applyBorder="1" applyAlignment="1">
      <alignment horizontal="center" vertical="center"/>
    </xf>
    <xf numFmtId="0" fontId="0" fillId="0" borderId="66" xfId="0" applyFill="1" applyBorder="1" applyAlignment="1">
      <alignment vertical="center"/>
    </xf>
    <xf numFmtId="0" fontId="13" fillId="0" borderId="15" xfId="2" applyFont="1" applyFill="1" applyBorder="1" applyAlignment="1">
      <alignment horizontal="center" vertical="center"/>
    </xf>
    <xf numFmtId="0" fontId="0" fillId="0" borderId="33" xfId="0" applyFill="1" applyBorder="1" applyAlignment="1">
      <alignment vertical="center"/>
    </xf>
    <xf numFmtId="0" fontId="16" fillId="0" borderId="6" xfId="2" applyFont="1" applyFill="1" applyBorder="1" applyAlignment="1">
      <alignment horizontal="center" vertical="center"/>
    </xf>
    <xf numFmtId="0" fontId="16" fillId="0" borderId="14" xfId="2" applyFont="1" applyFill="1" applyBorder="1" applyAlignment="1">
      <alignment horizontal="center" vertical="center"/>
    </xf>
    <xf numFmtId="0" fontId="27" fillId="0" borderId="14" xfId="2" applyFont="1" applyFill="1" applyBorder="1" applyAlignment="1">
      <alignment horizontal="center" vertical="center"/>
    </xf>
    <xf numFmtId="0" fontId="27" fillId="0" borderId="5" xfId="2" applyFont="1" applyFill="1" applyBorder="1" applyAlignment="1">
      <alignment horizontal="center" vertical="center"/>
    </xf>
    <xf numFmtId="0" fontId="15" fillId="0" borderId="114" xfId="2" applyFont="1" applyFill="1" applyBorder="1" applyAlignment="1">
      <alignment horizontal="center" vertical="center"/>
    </xf>
    <xf numFmtId="0" fontId="15" fillId="0" borderId="84" xfId="2" applyFont="1" applyFill="1" applyBorder="1" applyAlignment="1">
      <alignment horizontal="center" vertical="center"/>
    </xf>
    <xf numFmtId="0" fontId="15" fillId="0" borderId="115" xfId="2" applyFont="1" applyFill="1" applyBorder="1" applyAlignment="1">
      <alignment horizontal="center" vertical="center"/>
    </xf>
    <xf numFmtId="0" fontId="15" fillId="0" borderId="96" xfId="2" applyFont="1" applyFill="1" applyBorder="1" applyAlignment="1">
      <alignment horizontal="center" vertical="center"/>
    </xf>
    <xf numFmtId="0" fontId="15" fillId="0" borderId="4" xfId="2" applyFont="1" applyFill="1" applyBorder="1" applyAlignment="1">
      <alignment horizontal="center" vertical="center"/>
    </xf>
    <xf numFmtId="0" fontId="27" fillId="0" borderId="17" xfId="2" applyFont="1" applyFill="1" applyBorder="1" applyAlignment="1">
      <alignment horizontal="center" vertical="center"/>
    </xf>
    <xf numFmtId="0" fontId="27" fillId="0" borderId="15" xfId="2" applyFont="1" applyFill="1" applyBorder="1" applyAlignment="1">
      <alignment horizontal="center" vertical="center"/>
    </xf>
    <xf numFmtId="0" fontId="27" fillId="0" borderId="6" xfId="2" applyFont="1" applyFill="1" applyBorder="1" applyAlignment="1">
      <alignment horizontal="center" vertical="center"/>
    </xf>
    <xf numFmtId="0" fontId="27" fillId="0" borderId="34" xfId="2" applyFont="1" applyFill="1" applyBorder="1" applyAlignment="1">
      <alignment horizontal="center" vertical="center"/>
    </xf>
    <xf numFmtId="0" fontId="16" fillId="0" borderId="17" xfId="2" applyFont="1" applyFill="1" applyBorder="1" applyAlignment="1">
      <alignment horizontal="center" vertical="center" wrapText="1"/>
    </xf>
    <xf numFmtId="0" fontId="16" fillId="0" borderId="15" xfId="2" applyFont="1" applyFill="1" applyBorder="1" applyAlignment="1">
      <alignment horizontal="center" vertical="center" wrapText="1"/>
    </xf>
    <xf numFmtId="0" fontId="16" fillId="0" borderId="14" xfId="2" applyFont="1" applyFill="1" applyBorder="1" applyAlignment="1">
      <alignment horizontal="center" vertical="center" wrapText="1"/>
    </xf>
    <xf numFmtId="0" fontId="16" fillId="0" borderId="6" xfId="2" applyFont="1" applyFill="1" applyBorder="1" applyAlignment="1">
      <alignment horizontal="center" vertical="center" wrapText="1"/>
    </xf>
    <xf numFmtId="0" fontId="13" fillId="0" borderId="25" xfId="2" applyFont="1" applyFill="1" applyBorder="1" applyAlignment="1">
      <alignment horizontal="center" vertical="center"/>
    </xf>
    <xf numFmtId="0" fontId="0" fillId="0" borderId="30" xfId="0" applyFill="1" applyBorder="1" applyAlignment="1">
      <alignment horizontal="center" vertical="center"/>
    </xf>
    <xf numFmtId="0" fontId="27" fillId="0" borderId="36" xfId="2" applyFont="1" applyFill="1" applyBorder="1" applyAlignment="1">
      <alignment horizontal="center" vertical="center"/>
    </xf>
    <xf numFmtId="0" fontId="27" fillId="0" borderId="46" xfId="2" applyFont="1" applyFill="1" applyBorder="1" applyAlignment="1">
      <alignment horizontal="center" vertical="center"/>
    </xf>
    <xf numFmtId="0" fontId="16" fillId="0" borderId="73" xfId="2" applyFont="1" applyFill="1" applyBorder="1" applyAlignment="1">
      <alignment horizontal="center" vertical="center" wrapText="1"/>
    </xf>
    <xf numFmtId="0" fontId="16" fillId="0" borderId="16" xfId="2" applyFont="1" applyFill="1" applyBorder="1" applyAlignment="1">
      <alignment horizontal="center" vertical="center" wrapText="1"/>
    </xf>
    <xf numFmtId="0" fontId="16" fillId="0" borderId="81" xfId="2" applyFont="1" applyFill="1" applyBorder="1" applyAlignment="1">
      <alignment horizontal="center" vertical="center" wrapText="1"/>
    </xf>
    <xf numFmtId="0" fontId="16" fillId="0" borderId="129" xfId="0" applyFont="1" applyFill="1" applyBorder="1" applyAlignment="1">
      <alignment horizontal="center" vertical="center"/>
    </xf>
    <xf numFmtId="0" fontId="16" fillId="0" borderId="71" xfId="2" applyFont="1" applyFill="1" applyBorder="1" applyAlignment="1">
      <alignment horizontal="center" vertical="center" wrapText="1"/>
    </xf>
    <xf numFmtId="0" fontId="16" fillId="0" borderId="69" xfId="2" applyFont="1" applyFill="1" applyBorder="1" applyAlignment="1">
      <alignment horizontal="center" vertical="center" wrapText="1"/>
    </xf>
    <xf numFmtId="0" fontId="16" fillId="0" borderId="130" xfId="2" applyFont="1" applyFill="1" applyBorder="1" applyAlignment="1">
      <alignment horizontal="center" vertical="center" wrapText="1"/>
    </xf>
    <xf numFmtId="0" fontId="13" fillId="0" borderId="113" xfId="2" applyFill="1" applyBorder="1" applyAlignment="1">
      <alignment horizontal="center" vertical="center"/>
    </xf>
    <xf numFmtId="0" fontId="13" fillId="0" borderId="98" xfId="2" applyFill="1" applyBorder="1" applyAlignment="1">
      <alignment horizontal="center" vertical="center"/>
    </xf>
    <xf numFmtId="0" fontId="13" fillId="0" borderId="12" xfId="2" applyFill="1" applyBorder="1" applyAlignment="1">
      <alignment horizontal="center" vertical="center"/>
    </xf>
    <xf numFmtId="0" fontId="13" fillId="0" borderId="7" xfId="2" applyFill="1" applyBorder="1" applyAlignment="1">
      <alignment horizontal="center" vertical="center"/>
    </xf>
    <xf numFmtId="0" fontId="13" fillId="0" borderId="131" xfId="2" applyFill="1" applyBorder="1" applyAlignment="1">
      <alignment horizontal="center" vertical="center"/>
    </xf>
    <xf numFmtId="0" fontId="13" fillId="0" borderId="132" xfId="2" applyFill="1" applyBorder="1" applyAlignment="1">
      <alignment horizontal="center" vertical="center"/>
    </xf>
    <xf numFmtId="49" fontId="52" fillId="0" borderId="4" xfId="2" applyNumberFormat="1" applyFont="1" applyFill="1" applyBorder="1" applyAlignment="1">
      <alignment horizontal="center" vertical="center" shrinkToFit="1"/>
    </xf>
    <xf numFmtId="0" fontId="13" fillId="0" borderId="0" xfId="0" applyFont="1" applyFill="1" applyBorder="1" applyAlignment="1">
      <alignment horizontal="center" vertical="center"/>
    </xf>
    <xf numFmtId="0" fontId="0" fillId="0" borderId="0" xfId="0" applyFill="1" applyBorder="1" applyAlignment="1">
      <alignment horizontal="center" vertical="center"/>
    </xf>
    <xf numFmtId="0" fontId="13" fillId="0" borderId="0" xfId="0" applyFont="1" applyFill="1" applyBorder="1" applyAlignment="1">
      <alignment horizontal="center" vertical="center" wrapText="1"/>
    </xf>
    <xf numFmtId="0" fontId="0" fillId="0" borderId="0" xfId="0" applyFill="1" applyBorder="1" applyAlignment="1">
      <alignment horizontal="center" vertical="center" wrapText="1"/>
    </xf>
    <xf numFmtId="0" fontId="15" fillId="0" borderId="104" xfId="2" applyFont="1" applyFill="1" applyBorder="1" applyAlignment="1">
      <alignment horizontal="left" vertical="center" wrapText="1"/>
    </xf>
    <xf numFmtId="0" fontId="15" fillId="0" borderId="105" xfId="2" applyFont="1" applyFill="1" applyBorder="1" applyAlignment="1">
      <alignment horizontal="left" vertical="center" wrapText="1"/>
    </xf>
    <xf numFmtId="0" fontId="15" fillId="0" borderId="106" xfId="2" applyFont="1" applyFill="1" applyBorder="1" applyAlignment="1">
      <alignment horizontal="left" vertical="center" wrapText="1"/>
    </xf>
    <xf numFmtId="0" fontId="15" fillId="0" borderId="107" xfId="2" applyFont="1" applyFill="1" applyBorder="1" applyAlignment="1">
      <alignment horizontal="left" vertical="center" wrapText="1"/>
    </xf>
    <xf numFmtId="0" fontId="15" fillId="0" borderId="108" xfId="2" applyFont="1" applyFill="1" applyBorder="1" applyAlignment="1">
      <alignment horizontal="left" vertical="center" wrapText="1"/>
    </xf>
    <xf numFmtId="0" fontId="15" fillId="0" borderId="109" xfId="2" applyFont="1" applyFill="1" applyBorder="1" applyAlignment="1">
      <alignment horizontal="left" vertical="center" wrapText="1"/>
    </xf>
    <xf numFmtId="0" fontId="13" fillId="0" borderId="0" xfId="2" applyFont="1" applyFill="1" applyBorder="1" applyAlignment="1">
      <alignment horizontal="center" vertical="center"/>
    </xf>
    <xf numFmtId="0" fontId="0" fillId="0" borderId="0" xfId="0" applyFill="1" applyBorder="1" applyAlignment="1"/>
    <xf numFmtId="0" fontId="13" fillId="0" borderId="0" xfId="2" applyFont="1" applyFill="1" applyBorder="1" applyAlignment="1">
      <alignment horizontal="center" vertical="center" wrapText="1"/>
    </xf>
    <xf numFmtId="0" fontId="16" fillId="0" borderId="0" xfId="2" applyFont="1" applyFill="1" applyBorder="1" applyAlignment="1">
      <alignment horizontal="center" vertical="center"/>
    </xf>
    <xf numFmtId="0" fontId="15" fillId="0" borderId="17" xfId="2" applyFont="1" applyFill="1" applyBorder="1" applyAlignment="1">
      <alignment horizontal="center" vertical="center"/>
    </xf>
    <xf numFmtId="0" fontId="15" fillId="0" borderId="6" xfId="2" applyFont="1" applyFill="1" applyBorder="1" applyAlignment="1">
      <alignment horizontal="center" vertical="center"/>
    </xf>
    <xf numFmtId="0" fontId="15" fillId="0" borderId="12" xfId="2" applyFont="1" applyFill="1" applyBorder="1" applyAlignment="1">
      <alignment horizontal="center" vertical="center"/>
    </xf>
    <xf numFmtId="0" fontId="15" fillId="0" borderId="110" xfId="2" applyFont="1" applyFill="1" applyBorder="1" applyAlignment="1">
      <alignment horizontal="center" vertical="center"/>
    </xf>
    <xf numFmtId="0" fontId="15" fillId="0" borderId="136" xfId="2" applyFont="1" applyFill="1" applyBorder="1" applyAlignment="1">
      <alignment horizontal="center" vertical="center"/>
    </xf>
    <xf numFmtId="0" fontId="19" fillId="0" borderId="11" xfId="2" applyFont="1" applyFill="1" applyBorder="1" applyAlignment="1">
      <alignment horizontal="left" vertical="center"/>
    </xf>
    <xf numFmtId="0" fontId="0" fillId="0" borderId="11" xfId="0" applyFill="1" applyBorder="1" applyAlignment="1">
      <alignment vertical="center"/>
    </xf>
    <xf numFmtId="0" fontId="0" fillId="0" borderId="0" xfId="0" applyFill="1" applyBorder="1" applyAlignment="1">
      <alignment vertical="center"/>
    </xf>
    <xf numFmtId="0" fontId="15" fillId="0" borderId="17" xfId="2" applyFont="1" applyFill="1" applyBorder="1" applyAlignment="1">
      <alignment horizontal="center" vertical="center" shrinkToFit="1"/>
    </xf>
    <xf numFmtId="0" fontId="15" fillId="0" borderId="5" xfId="2" applyFont="1" applyFill="1" applyBorder="1" applyAlignment="1">
      <alignment horizontal="center" vertical="center" shrinkToFit="1"/>
    </xf>
    <xf numFmtId="0" fontId="15" fillId="0" borderId="15" xfId="2" applyFont="1" applyFill="1" applyBorder="1" applyAlignment="1">
      <alignment horizontal="center" vertical="center" shrinkToFit="1"/>
    </xf>
    <xf numFmtId="0" fontId="15" fillId="0" borderId="13" xfId="2" applyFont="1" applyFill="1" applyBorder="1" applyAlignment="1">
      <alignment horizontal="center" vertical="center" shrinkToFit="1"/>
    </xf>
    <xf numFmtId="0" fontId="15" fillId="0" borderId="2" xfId="2" applyFont="1" applyFill="1" applyBorder="1" applyAlignment="1">
      <alignment horizontal="center" vertical="center" shrinkToFit="1"/>
    </xf>
    <xf numFmtId="0" fontId="15" fillId="0" borderId="10" xfId="2" applyFont="1" applyFill="1" applyBorder="1" applyAlignment="1">
      <alignment horizontal="center" vertical="center" shrinkToFit="1"/>
    </xf>
    <xf numFmtId="0" fontId="15" fillId="0" borderId="123" xfId="2" applyFont="1" applyFill="1" applyBorder="1" applyAlignment="1">
      <alignment horizontal="center" vertical="center" textRotation="255"/>
    </xf>
    <xf numFmtId="0" fontId="15" fillId="0" borderId="65" xfId="2" applyFont="1" applyFill="1" applyBorder="1" applyAlignment="1">
      <alignment horizontal="center" vertical="center" textRotation="255"/>
    </xf>
    <xf numFmtId="0" fontId="15" fillId="0" borderId="110" xfId="2" applyFont="1" applyFill="1" applyBorder="1" applyAlignment="1">
      <alignment horizontal="center" vertical="center" textRotation="255"/>
    </xf>
    <xf numFmtId="0" fontId="15" fillId="0" borderId="111" xfId="2" applyFont="1" applyFill="1" applyBorder="1" applyAlignment="1">
      <alignment horizontal="center" vertical="center" textRotation="255"/>
    </xf>
    <xf numFmtId="0" fontId="15" fillId="0" borderId="112" xfId="2" applyFont="1" applyFill="1" applyBorder="1" applyAlignment="1">
      <alignment horizontal="center" vertical="center" textRotation="255"/>
    </xf>
    <xf numFmtId="0" fontId="15" fillId="0" borderId="13" xfId="2" applyFont="1" applyFill="1" applyBorder="1" applyAlignment="1">
      <alignment horizontal="center" vertical="center"/>
    </xf>
    <xf numFmtId="0" fontId="9" fillId="0" borderId="17" xfId="2" applyFont="1" applyFill="1" applyBorder="1" applyAlignment="1">
      <alignment horizontal="center" vertical="center"/>
    </xf>
    <xf numFmtId="0" fontId="13" fillId="0" borderId="14" xfId="2" applyFill="1" applyBorder="1" applyAlignment="1">
      <alignment horizontal="center" vertical="center"/>
    </xf>
    <xf numFmtId="0" fontId="13" fillId="0" borderId="5" xfId="2" applyFill="1" applyBorder="1" applyAlignment="1">
      <alignment horizontal="center" vertical="center"/>
    </xf>
    <xf numFmtId="0" fontId="16" fillId="0" borderId="0" xfId="2" applyFont="1" applyFill="1" applyBorder="1" applyAlignment="1">
      <alignment horizontal="center" vertical="center" wrapText="1"/>
    </xf>
    <xf numFmtId="0" fontId="17" fillId="0" borderId="69" xfId="2" applyFont="1" applyFill="1" applyBorder="1" applyAlignment="1">
      <alignment horizontal="center" vertical="center"/>
    </xf>
    <xf numFmtId="0" fontId="17" fillId="0" borderId="69" xfId="0" applyFont="1" applyFill="1" applyBorder="1" applyAlignment="1">
      <alignment horizontal="center"/>
    </xf>
    <xf numFmtId="0" fontId="17" fillId="0" borderId="48" xfId="2" applyFont="1" applyFill="1" applyBorder="1" applyAlignment="1">
      <alignment horizontal="center"/>
    </xf>
    <xf numFmtId="0" fontId="17" fillId="0" borderId="49" xfId="2" applyFont="1" applyFill="1" applyBorder="1" applyAlignment="1">
      <alignment horizontal="center"/>
    </xf>
    <xf numFmtId="0" fontId="17" fillId="0" borderId="68" xfId="2" applyFont="1" applyFill="1" applyBorder="1" applyAlignment="1">
      <alignment horizontal="center"/>
    </xf>
    <xf numFmtId="0" fontId="17" fillId="0" borderId="17" xfId="0" applyFont="1" applyFill="1" applyBorder="1" applyAlignment="1">
      <alignment horizontal="center" vertical="center"/>
    </xf>
    <xf numFmtId="0" fontId="17" fillId="0" borderId="5" xfId="0" applyFont="1" applyFill="1" applyBorder="1" applyAlignment="1">
      <alignment horizontal="center" vertical="center"/>
    </xf>
    <xf numFmtId="0" fontId="17" fillId="0" borderId="15" xfId="0" applyFont="1" applyFill="1" applyBorder="1" applyAlignment="1">
      <alignment horizontal="center" vertical="center"/>
    </xf>
    <xf numFmtId="0" fontId="17" fillId="0" borderId="12"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13"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10" xfId="0" applyFont="1" applyFill="1" applyBorder="1" applyAlignment="1">
      <alignment horizontal="center" vertical="center"/>
    </xf>
    <xf numFmtId="0" fontId="13" fillId="0" borderId="114" xfId="0" applyNumberFormat="1" applyFont="1" applyFill="1" applyBorder="1" applyAlignment="1">
      <alignment horizontal="center" vertical="center"/>
    </xf>
    <xf numFmtId="0" fontId="13" fillId="0" borderId="84" xfId="0" applyNumberFormat="1" applyFont="1" applyFill="1" applyBorder="1" applyAlignment="1">
      <alignment horizontal="center" vertical="center"/>
    </xf>
    <xf numFmtId="0" fontId="13" fillId="0" borderId="77" xfId="0" applyNumberFormat="1" applyFont="1" applyFill="1" applyBorder="1" applyAlignment="1">
      <alignment horizontal="center" vertical="center"/>
    </xf>
    <xf numFmtId="0" fontId="13" fillId="0" borderId="78" xfId="0" applyNumberFormat="1" applyFont="1" applyFill="1" applyBorder="1" applyAlignment="1">
      <alignment horizontal="center" vertical="center"/>
    </xf>
    <xf numFmtId="0" fontId="47" fillId="0" borderId="0" xfId="0" applyFont="1" applyFill="1" applyBorder="1" applyAlignment="1">
      <alignment horizontal="left" vertical="center" wrapText="1" indent="1"/>
    </xf>
    <xf numFmtId="0" fontId="16" fillId="0" borderId="0" xfId="2" applyFont="1" applyFill="1" applyAlignment="1">
      <alignment horizontal="left" vertical="top" wrapText="1" indent="2"/>
    </xf>
    <xf numFmtId="0" fontId="13" fillId="0" borderId="55" xfId="0" applyFont="1" applyFill="1" applyBorder="1" applyAlignment="1">
      <alignment horizontal="center" vertical="center"/>
    </xf>
    <xf numFmtId="0" fontId="13" fillId="0" borderId="23" xfId="0" applyFont="1" applyFill="1" applyBorder="1" applyAlignment="1">
      <alignment horizontal="center" vertical="center"/>
    </xf>
    <xf numFmtId="0" fontId="13" fillId="0" borderId="24" xfId="0" applyFont="1" applyFill="1" applyBorder="1" applyAlignment="1">
      <alignment horizontal="center" vertical="center"/>
    </xf>
    <xf numFmtId="0" fontId="13" fillId="0" borderId="56" xfId="0" applyFont="1" applyFill="1" applyBorder="1" applyAlignment="1">
      <alignment horizontal="center" vertical="center"/>
    </xf>
    <xf numFmtId="0" fontId="13" fillId="0" borderId="57" xfId="0" applyFont="1" applyFill="1" applyBorder="1" applyAlignment="1">
      <alignment horizontal="center" vertical="center"/>
    </xf>
    <xf numFmtId="0" fontId="13" fillId="0" borderId="58" xfId="0" applyFont="1" applyFill="1" applyBorder="1" applyAlignment="1">
      <alignment horizontal="center" vertical="center"/>
    </xf>
    <xf numFmtId="0" fontId="13" fillId="0" borderId="59" xfId="0" applyFont="1" applyFill="1" applyBorder="1" applyAlignment="1">
      <alignment horizontal="center" vertical="center"/>
    </xf>
    <xf numFmtId="0" fontId="13" fillId="0" borderId="60" xfId="0" applyFont="1" applyFill="1" applyBorder="1" applyAlignment="1">
      <alignment horizontal="center" vertical="center"/>
    </xf>
    <xf numFmtId="0" fontId="13" fillId="0" borderId="61" xfId="0" applyFont="1" applyFill="1" applyBorder="1" applyAlignment="1">
      <alignment horizontal="center" vertical="center"/>
    </xf>
    <xf numFmtId="0" fontId="13" fillId="0" borderId="62" xfId="0" applyFont="1" applyFill="1" applyBorder="1" applyAlignment="1">
      <alignment horizontal="center" vertical="center"/>
    </xf>
    <xf numFmtId="0" fontId="13" fillId="0" borderId="63" xfId="0" applyFont="1" applyFill="1" applyBorder="1" applyAlignment="1">
      <alignment horizontal="center" vertical="center"/>
    </xf>
    <xf numFmtId="0" fontId="13" fillId="0" borderId="64" xfId="0" applyFont="1" applyFill="1" applyBorder="1" applyAlignment="1">
      <alignment horizontal="center" vertical="center"/>
    </xf>
    <xf numFmtId="0" fontId="13" fillId="0" borderId="2" xfId="0" applyFont="1" applyFill="1" applyBorder="1" applyAlignment="1">
      <alignment horizontal="center" vertical="center" wrapText="1"/>
    </xf>
    <xf numFmtId="0" fontId="20" fillId="0" borderId="96" xfId="0" applyFont="1" applyFill="1" applyBorder="1" applyAlignment="1">
      <alignment horizontal="center" vertical="center" textRotation="255"/>
    </xf>
    <xf numFmtId="0" fontId="20" fillId="0" borderId="101" xfId="0" applyFont="1" applyFill="1" applyBorder="1" applyAlignment="1">
      <alignment horizontal="center" vertical="center" textRotation="255"/>
    </xf>
    <xf numFmtId="0" fontId="20" fillId="0" borderId="4" xfId="0" applyFont="1" applyFill="1" applyBorder="1" applyAlignment="1">
      <alignment horizontal="center" vertical="center" textRotation="255"/>
    </xf>
    <xf numFmtId="0" fontId="20" fillId="0" borderId="8" xfId="0" applyFont="1" applyFill="1" applyBorder="1" applyAlignment="1">
      <alignment horizontal="center" vertical="center" textRotation="255"/>
    </xf>
    <xf numFmtId="0" fontId="13" fillId="0" borderId="113" xfId="0" applyFont="1" applyFill="1" applyBorder="1" applyAlignment="1">
      <alignment horizontal="center" vertical="center"/>
    </xf>
    <xf numFmtId="0" fontId="13" fillId="0" borderId="97" xfId="0" applyFont="1" applyFill="1" applyBorder="1" applyAlignment="1">
      <alignment horizontal="center" vertical="center"/>
    </xf>
    <xf numFmtId="0" fontId="13" fillId="0" borderId="12" xfId="0" applyFont="1" applyFill="1" applyBorder="1" applyAlignment="1">
      <alignment horizontal="center" vertical="center"/>
    </xf>
    <xf numFmtId="0" fontId="13" fillId="0" borderId="4" xfId="0" applyFont="1" applyFill="1" applyBorder="1" applyAlignment="1">
      <alignment horizontal="center" vertical="center" wrapText="1"/>
    </xf>
    <xf numFmtId="0" fontId="21" fillId="0" borderId="80" xfId="0" applyFont="1" applyFill="1" applyBorder="1" applyAlignment="1">
      <alignment horizontal="center" vertical="center"/>
    </xf>
    <xf numFmtId="0" fontId="21" fillId="0" borderId="78" xfId="0" applyFont="1" applyFill="1" applyBorder="1" applyAlignment="1">
      <alignment horizontal="center" vertical="center"/>
    </xf>
    <xf numFmtId="0" fontId="21" fillId="0" borderId="82" xfId="0" applyFont="1" applyFill="1" applyBorder="1" applyAlignment="1">
      <alignment horizontal="center" vertical="center"/>
    </xf>
    <xf numFmtId="0" fontId="13" fillId="0" borderId="93" xfId="0" applyFont="1" applyFill="1" applyBorder="1" applyAlignment="1">
      <alignment horizontal="center" vertical="center"/>
    </xf>
    <xf numFmtId="0" fontId="13" fillId="0" borderId="1" xfId="0" applyFont="1" applyFill="1" applyBorder="1" applyAlignment="1">
      <alignment horizontal="center" vertical="center"/>
    </xf>
    <xf numFmtId="0" fontId="13" fillId="0" borderId="100" xfId="0" applyFont="1" applyFill="1" applyBorder="1" applyAlignment="1">
      <alignment horizontal="center" vertical="center"/>
    </xf>
    <xf numFmtId="0" fontId="13" fillId="0" borderId="66" xfId="0" applyFont="1" applyFill="1" applyBorder="1" applyAlignment="1">
      <alignment horizontal="center" vertical="center"/>
    </xf>
    <xf numFmtId="0" fontId="13" fillId="0" borderId="11" xfId="0" applyFont="1" applyFill="1" applyBorder="1" applyAlignment="1">
      <alignment horizontal="center" vertical="center"/>
    </xf>
    <xf numFmtId="0" fontId="13" fillId="0" borderId="33" xfId="0" applyFont="1" applyFill="1" applyBorder="1" applyAlignment="1">
      <alignment horizontal="center" vertical="center"/>
    </xf>
    <xf numFmtId="0" fontId="13" fillId="0" borderId="0" xfId="0" applyFont="1" applyFill="1" applyAlignment="1">
      <alignment horizontal="center" vertical="center"/>
    </xf>
    <xf numFmtId="0" fontId="13" fillId="0" borderId="98"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90" xfId="0" applyFont="1" applyFill="1" applyBorder="1" applyAlignment="1">
      <alignment horizontal="center" vertical="center"/>
    </xf>
    <xf numFmtId="0" fontId="13" fillId="0" borderId="91" xfId="0" applyFont="1" applyFill="1" applyBorder="1" applyAlignment="1">
      <alignment horizontal="center" vertical="center"/>
    </xf>
    <xf numFmtId="0" fontId="13" fillId="0" borderId="14" xfId="0" applyFont="1" applyFill="1" applyBorder="1" applyAlignment="1">
      <alignment horizontal="center" vertical="center"/>
    </xf>
    <xf numFmtId="0" fontId="13" fillId="0" borderId="15" xfId="0" applyFont="1" applyFill="1" applyBorder="1" applyAlignment="1">
      <alignment horizontal="center" vertical="center"/>
    </xf>
    <xf numFmtId="0" fontId="13" fillId="0" borderId="25" xfId="0" applyFont="1" applyFill="1" applyBorder="1" applyAlignment="1">
      <alignment horizontal="center" vertical="center"/>
    </xf>
    <xf numFmtId="0" fontId="13" fillId="0" borderId="30" xfId="0" applyFont="1" applyFill="1" applyBorder="1" applyAlignment="1">
      <alignment horizontal="center" vertical="center"/>
    </xf>
    <xf numFmtId="0" fontId="13" fillId="0" borderId="94" xfId="0" applyFont="1" applyFill="1" applyBorder="1" applyAlignment="1">
      <alignment horizontal="center" vertical="center"/>
    </xf>
    <xf numFmtId="0" fontId="13" fillId="0" borderId="34" xfId="0" applyFont="1" applyFill="1" applyBorder="1" applyAlignment="1">
      <alignment horizontal="center" vertical="center"/>
    </xf>
    <xf numFmtId="0" fontId="13" fillId="0" borderId="96" xfId="0" applyFont="1" applyFill="1" applyBorder="1" applyAlignment="1">
      <alignment horizontal="center" vertical="center" textRotation="255"/>
    </xf>
    <xf numFmtId="0" fontId="13" fillId="0" borderId="98" xfId="0" applyFont="1" applyFill="1" applyBorder="1" applyAlignment="1">
      <alignment horizontal="center" vertical="center" textRotation="255"/>
    </xf>
    <xf numFmtId="0" fontId="13" fillId="0" borderId="4" xfId="0" applyFont="1" applyFill="1" applyBorder="1" applyAlignment="1">
      <alignment horizontal="center" vertical="center" textRotation="255"/>
    </xf>
    <xf numFmtId="0" fontId="13" fillId="0" borderId="7" xfId="0" applyFont="1" applyFill="1" applyBorder="1" applyAlignment="1">
      <alignment horizontal="center" vertical="center" textRotation="255"/>
    </xf>
    <xf numFmtId="0" fontId="13" fillId="0" borderId="66" xfId="0" applyFont="1" applyFill="1" applyBorder="1" applyAlignment="1">
      <alignment horizontal="center" vertical="center" textRotation="255"/>
    </xf>
    <xf numFmtId="0" fontId="13" fillId="0" borderId="34" xfId="0" applyFont="1" applyFill="1" applyBorder="1" applyAlignment="1">
      <alignment horizontal="center" vertical="center" textRotation="255"/>
    </xf>
    <xf numFmtId="0" fontId="15" fillId="0" borderId="17"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15" xfId="0" applyFont="1" applyFill="1" applyBorder="1" applyAlignment="1">
      <alignment horizontal="center" vertical="center"/>
    </xf>
    <xf numFmtId="0" fontId="15" fillId="0" borderId="13"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10" xfId="0" applyFont="1" applyFill="1" applyBorder="1" applyAlignment="1">
      <alignment horizontal="center" vertical="center"/>
    </xf>
    <xf numFmtId="0" fontId="15" fillId="0" borderId="12"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8" xfId="0" applyFont="1" applyFill="1" applyBorder="1" applyAlignment="1">
      <alignment horizontal="center" vertical="center"/>
    </xf>
    <xf numFmtId="0" fontId="0" fillId="0" borderId="0" xfId="0" applyFill="1" applyBorder="1" applyAlignment="1">
      <alignment horizontal="center" vertical="top"/>
    </xf>
    <xf numFmtId="0" fontId="13" fillId="0" borderId="96" xfId="0" applyFont="1" applyFill="1" applyBorder="1" applyAlignment="1">
      <alignment horizontal="center" vertical="center"/>
    </xf>
    <xf numFmtId="0" fontId="13" fillId="0" borderId="101" xfId="0" applyFont="1" applyFill="1" applyBorder="1" applyAlignment="1">
      <alignment horizontal="center" vertical="center"/>
    </xf>
    <xf numFmtId="0" fontId="13" fillId="0" borderId="4"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116" xfId="0" applyFont="1" applyFill="1" applyBorder="1" applyAlignment="1">
      <alignment horizontal="center" vertical="center"/>
    </xf>
    <xf numFmtId="0" fontId="13" fillId="0" borderId="117" xfId="0" applyFont="1" applyFill="1" applyBorder="1" applyAlignment="1">
      <alignment horizontal="center" vertical="center"/>
    </xf>
    <xf numFmtId="0" fontId="21" fillId="0" borderId="19" xfId="0" applyFont="1" applyFill="1" applyBorder="1" applyAlignment="1">
      <alignment horizontal="center" vertical="center"/>
    </xf>
    <xf numFmtId="0" fontId="21" fillId="0" borderId="59" xfId="0" applyFont="1" applyFill="1" applyBorder="1" applyAlignment="1">
      <alignment horizontal="center" vertical="center"/>
    </xf>
    <xf numFmtId="0" fontId="21" fillId="0" borderId="60" xfId="0" applyFont="1" applyFill="1" applyBorder="1" applyAlignment="1">
      <alignment horizontal="center" vertical="center"/>
    </xf>
    <xf numFmtId="0" fontId="21" fillId="0" borderId="61" xfId="0" applyFont="1" applyFill="1" applyBorder="1" applyAlignment="1">
      <alignment horizontal="center" vertical="center"/>
    </xf>
    <xf numFmtId="0" fontId="21" fillId="0" borderId="114" xfId="0" applyFont="1" applyFill="1" applyBorder="1" applyAlignment="1">
      <alignment horizontal="center" vertical="center"/>
    </xf>
    <xf numFmtId="0" fontId="21" fillId="0" borderId="84" xfId="0" applyFont="1" applyFill="1" applyBorder="1" applyAlignment="1">
      <alignment horizontal="center" vertical="center"/>
    </xf>
    <xf numFmtId="0" fontId="21" fillId="0" borderId="115" xfId="0" applyFont="1" applyFill="1" applyBorder="1" applyAlignment="1">
      <alignment horizontal="center" vertical="center"/>
    </xf>
    <xf numFmtId="0" fontId="13" fillId="0" borderId="59" xfId="0" applyNumberFormat="1" applyFont="1" applyFill="1" applyBorder="1" applyAlignment="1">
      <alignment horizontal="center" vertical="center"/>
    </xf>
    <xf numFmtId="0" fontId="13" fillId="0" borderId="60" xfId="0" applyNumberFormat="1" applyFont="1" applyFill="1" applyBorder="1" applyAlignment="1">
      <alignment horizontal="center" vertical="center"/>
    </xf>
    <xf numFmtId="0" fontId="21" fillId="0" borderId="69" xfId="0" applyFont="1" applyFill="1" applyBorder="1" applyAlignment="1">
      <alignment horizontal="center" vertical="center"/>
    </xf>
    <xf numFmtId="0" fontId="21" fillId="0" borderId="48" xfId="0" applyFont="1" applyFill="1" applyBorder="1" applyAlignment="1">
      <alignment horizontal="center" vertical="center"/>
    </xf>
    <xf numFmtId="0" fontId="21" fillId="0" borderId="0" xfId="0" applyFont="1" applyFill="1" applyBorder="1" applyAlignment="1">
      <alignment horizontal="center" vertical="center"/>
    </xf>
    <xf numFmtId="0" fontId="17" fillId="0" borderId="36" xfId="0" applyFont="1" applyFill="1" applyBorder="1" applyAlignment="1">
      <alignment horizontal="center" vertical="center"/>
    </xf>
    <xf numFmtId="0" fontId="17" fillId="0" borderId="6" xfId="0" applyFont="1" applyFill="1" applyBorder="1" applyAlignment="1">
      <alignment horizontal="center" vertical="center"/>
    </xf>
    <xf numFmtId="0" fontId="17" fillId="0" borderId="46" xfId="0" applyFont="1" applyFill="1" applyBorder="1" applyAlignment="1">
      <alignment horizontal="center" vertical="center"/>
    </xf>
    <xf numFmtId="0" fontId="17" fillId="0" borderId="11" xfId="0" applyFont="1" applyFill="1" applyBorder="1" applyAlignment="1">
      <alignment horizontal="center" vertical="center"/>
    </xf>
    <xf numFmtId="0" fontId="17" fillId="0" borderId="34"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Border="1" applyAlignment="1">
      <alignment horizontal="left" vertical="center" wrapText="1" indent="1"/>
    </xf>
    <xf numFmtId="0" fontId="19" fillId="0" borderId="67" xfId="0" applyFont="1" applyBorder="1" applyAlignment="1">
      <alignment horizontal="left" vertical="center" shrinkToFit="1"/>
    </xf>
    <xf numFmtId="0" fontId="19" fillId="0" borderId="49" xfId="0" applyFont="1" applyBorder="1" applyAlignment="1">
      <alignment horizontal="left" vertical="center" shrinkToFit="1"/>
    </xf>
    <xf numFmtId="0" fontId="33" fillId="0" borderId="19" xfId="0" applyFont="1" applyBorder="1" applyAlignment="1">
      <alignment horizontal="center" vertical="center" textRotation="255"/>
    </xf>
    <xf numFmtId="0" fontId="33" fillId="0" borderId="18" xfId="0" applyFont="1" applyBorder="1" applyAlignment="1">
      <alignment horizontal="center" vertical="center" textRotation="255"/>
    </xf>
    <xf numFmtId="0" fontId="53" fillId="0" borderId="0" xfId="0" applyFont="1" applyAlignment="1">
      <alignment horizontal="center" vertical="center"/>
    </xf>
    <xf numFmtId="0" fontId="54" fillId="0" borderId="0" xfId="0" applyFont="1" applyAlignment="1">
      <alignment horizontal="center" vertical="center"/>
    </xf>
    <xf numFmtId="0" fontId="2" fillId="0" borderId="59" xfId="1" applyFont="1" applyBorder="1" applyAlignment="1">
      <alignment horizontal="center" vertical="center" shrinkToFit="1"/>
    </xf>
    <xf numFmtId="0" fontId="2" fillId="0" borderId="60" xfId="1" applyFont="1" applyBorder="1" applyAlignment="1">
      <alignment horizontal="center" vertical="center" shrinkToFit="1"/>
    </xf>
    <xf numFmtId="0" fontId="2" fillId="0" borderId="86" xfId="1" applyFont="1" applyBorder="1" applyAlignment="1">
      <alignment horizontal="center" vertical="center" wrapText="1" shrinkToFit="1"/>
    </xf>
    <xf numFmtId="0" fontId="3" fillId="0" borderId="88" xfId="1" applyFont="1" applyBorder="1" applyAlignment="1">
      <alignment horizontal="center" vertical="center" shrinkToFit="1"/>
    </xf>
    <xf numFmtId="0" fontId="19" fillId="0" borderId="114" xfId="0" applyFont="1" applyBorder="1" applyAlignment="1">
      <alignment horizontal="left" vertical="center" shrinkToFit="1"/>
    </xf>
    <xf numFmtId="0" fontId="19" fillId="0" borderId="84" xfId="0" applyFont="1" applyBorder="1" applyAlignment="1">
      <alignment horizontal="left" vertical="center" shrinkToFit="1"/>
    </xf>
    <xf numFmtId="0" fontId="15" fillId="0" borderId="48" xfId="0" applyFont="1" applyBorder="1" applyAlignment="1">
      <alignment horizontal="center" vertical="center"/>
    </xf>
    <xf numFmtId="0" fontId="15" fillId="0" borderId="49" xfId="0" applyFont="1" applyBorder="1" applyAlignment="1">
      <alignment horizontal="center" vertical="center"/>
    </xf>
    <xf numFmtId="0" fontId="15" fillId="0" borderId="68" xfId="0" applyFont="1" applyBorder="1" applyAlignment="1">
      <alignment horizontal="center" vertical="center"/>
    </xf>
    <xf numFmtId="0" fontId="15" fillId="0" borderId="69" xfId="0" applyFont="1" applyBorder="1" applyAlignment="1">
      <alignment horizontal="center" vertical="center"/>
    </xf>
    <xf numFmtId="0" fontId="20" fillId="0" borderId="0" xfId="2" applyFont="1" applyFill="1" applyAlignment="1">
      <alignment horizontal="left" vertical="top" wrapText="1" indent="2"/>
    </xf>
    <xf numFmtId="0" fontId="16" fillId="0" borderId="35" xfId="3" applyBorder="1" applyAlignment="1">
      <alignment horizontal="center"/>
    </xf>
    <xf numFmtId="0" fontId="16" fillId="0" borderId="38" xfId="3" applyBorder="1" applyAlignment="1">
      <alignment horizontal="center"/>
    </xf>
    <xf numFmtId="0" fontId="16" fillId="0" borderId="120" xfId="3" applyBorder="1" applyAlignment="1">
      <alignment horizontal="center"/>
    </xf>
    <xf numFmtId="0" fontId="16" fillId="0" borderId="19" xfId="3" applyBorder="1" applyAlignment="1">
      <alignment horizontal="center"/>
    </xf>
    <xf numFmtId="0" fontId="16" fillId="0" borderId="20" xfId="3" applyBorder="1" applyAlignment="1">
      <alignment horizontal="center"/>
    </xf>
    <xf numFmtId="0" fontId="16" fillId="0" borderId="18" xfId="3" applyBorder="1" applyAlignment="1">
      <alignment horizontal="center"/>
    </xf>
    <xf numFmtId="0" fontId="16" fillId="0" borderId="25" xfId="3" applyBorder="1" applyAlignment="1">
      <alignment horizontal="center"/>
    </xf>
    <xf numFmtId="0" fontId="16" fillId="0" borderId="42" xfId="3" applyBorder="1" applyAlignment="1">
      <alignment horizontal="center"/>
    </xf>
    <xf numFmtId="0" fontId="16" fillId="0" borderId="118" xfId="3" applyBorder="1" applyAlignment="1">
      <alignment horizontal="center"/>
    </xf>
    <xf numFmtId="0" fontId="23" fillId="0" borderId="35" xfId="3" applyFont="1" applyBorder="1" applyAlignment="1">
      <alignment horizontal="center"/>
    </xf>
    <xf numFmtId="0" fontId="23" fillId="0" borderId="38" xfId="3" applyFont="1" applyBorder="1" applyAlignment="1">
      <alignment horizontal="center"/>
    </xf>
    <xf numFmtId="0" fontId="23" fillId="0" borderId="120" xfId="3" applyFont="1" applyBorder="1" applyAlignment="1">
      <alignment horizontal="center"/>
    </xf>
    <xf numFmtId="0" fontId="16" fillId="0" borderId="19" xfId="3" applyBorder="1" applyAlignment="1">
      <alignment horizontal="center" vertical="center"/>
    </xf>
    <xf numFmtId="0" fontId="16" fillId="0" borderId="20" xfId="3" applyBorder="1" applyAlignment="1">
      <alignment horizontal="center" vertical="center"/>
    </xf>
    <xf numFmtId="0" fontId="16" fillId="0" borderId="18" xfId="3" applyBorder="1" applyAlignment="1">
      <alignment horizontal="center" vertical="center"/>
    </xf>
    <xf numFmtId="0" fontId="16" fillId="0" borderId="39" xfId="3" applyBorder="1" applyAlignment="1">
      <alignment horizontal="center"/>
    </xf>
    <xf numFmtId="0" fontId="16" fillId="0" borderId="119" xfId="3" applyBorder="1" applyAlignment="1">
      <alignment horizontal="center"/>
    </xf>
    <xf numFmtId="0" fontId="16" fillId="0" borderId="21" xfId="3" applyBorder="1" applyAlignment="1">
      <alignment horizontal="center"/>
    </xf>
    <xf numFmtId="0" fontId="23" fillId="0" borderId="19" xfId="3" applyFont="1" applyBorder="1" applyAlignment="1">
      <alignment vertical="center" textRotation="255" shrinkToFit="1"/>
    </xf>
    <xf numFmtId="0" fontId="23" fillId="0" borderId="20" xfId="3" applyFont="1" applyBorder="1" applyAlignment="1">
      <alignment vertical="center" textRotation="255" shrinkToFit="1"/>
    </xf>
    <xf numFmtId="0" fontId="9" fillId="2" borderId="12" xfId="3" applyFont="1" applyFill="1" applyBorder="1" applyAlignment="1">
      <alignment horizontal="center" vertical="center"/>
    </xf>
    <xf numFmtId="0" fontId="9" fillId="2" borderId="0" xfId="3" applyFont="1" applyFill="1" applyBorder="1" applyAlignment="1">
      <alignment horizontal="center" vertical="center"/>
    </xf>
    <xf numFmtId="0" fontId="9" fillId="2" borderId="8" xfId="3" applyFont="1" applyFill="1" applyBorder="1" applyAlignment="1">
      <alignment horizontal="center" vertical="center"/>
    </xf>
    <xf numFmtId="0" fontId="9" fillId="0" borderId="12" xfId="3" applyFont="1" applyBorder="1" applyAlignment="1">
      <alignment horizontal="center" vertical="center"/>
    </xf>
    <xf numFmtId="0" fontId="9" fillId="0" borderId="0" xfId="3" applyFont="1" applyBorder="1" applyAlignment="1">
      <alignment horizontal="center" vertical="center"/>
    </xf>
    <xf numFmtId="0" fontId="9" fillId="0" borderId="8" xfId="3" applyFont="1" applyBorder="1" applyAlignment="1">
      <alignment horizontal="center" vertical="center"/>
    </xf>
    <xf numFmtId="0" fontId="9" fillId="0" borderId="12" xfId="3" applyFont="1" applyFill="1" applyBorder="1" applyAlignment="1">
      <alignment horizontal="center" vertical="center"/>
    </xf>
    <xf numFmtId="0" fontId="9" fillId="0" borderId="0" xfId="3" applyFont="1" applyFill="1" applyBorder="1" applyAlignment="1">
      <alignment horizontal="center" vertical="center"/>
    </xf>
    <xf numFmtId="0" fontId="9" fillId="0" borderId="8" xfId="3" applyFont="1" applyFill="1" applyBorder="1" applyAlignment="1">
      <alignment horizontal="center" vertical="center"/>
    </xf>
    <xf numFmtId="0" fontId="18" fillId="0" borderId="12" xfId="3" applyFont="1" applyFill="1" applyBorder="1" applyAlignment="1">
      <alignment horizontal="center" vertical="center" wrapText="1"/>
    </xf>
    <xf numFmtId="0" fontId="18" fillId="0" borderId="0" xfId="3" applyFont="1" applyFill="1" applyBorder="1" applyAlignment="1">
      <alignment horizontal="center" vertical="center" wrapText="1"/>
    </xf>
    <xf numFmtId="0" fontId="18" fillId="0" borderId="8" xfId="3" applyFont="1" applyFill="1" applyBorder="1" applyAlignment="1">
      <alignment horizontal="center" vertical="center" wrapText="1"/>
    </xf>
    <xf numFmtId="0" fontId="26" fillId="0" borderId="12" xfId="3" applyFont="1" applyFill="1" applyBorder="1" applyAlignment="1">
      <alignment horizontal="center" vertical="center" wrapText="1"/>
    </xf>
    <xf numFmtId="0" fontId="26" fillId="0" borderId="0" xfId="3" applyFont="1" applyFill="1" applyBorder="1" applyAlignment="1">
      <alignment horizontal="center" vertical="center" wrapText="1"/>
    </xf>
    <xf numFmtId="0" fontId="26" fillId="0" borderId="8" xfId="3" applyFont="1" applyFill="1" applyBorder="1" applyAlignment="1">
      <alignment horizontal="center" vertical="center" wrapText="1"/>
    </xf>
    <xf numFmtId="0" fontId="18" fillId="2" borderId="12" xfId="3" applyFont="1" applyFill="1" applyBorder="1" applyAlignment="1">
      <alignment horizontal="center" vertical="center" wrapText="1"/>
    </xf>
    <xf numFmtId="0" fontId="18" fillId="2" borderId="0" xfId="3" applyFont="1" applyFill="1" applyBorder="1" applyAlignment="1">
      <alignment horizontal="center" vertical="center" wrapText="1"/>
    </xf>
    <xf numFmtId="0" fontId="18" fillId="2" borderId="8" xfId="3" applyFont="1" applyFill="1" applyBorder="1" applyAlignment="1">
      <alignment horizontal="center" vertical="center" wrapText="1"/>
    </xf>
    <xf numFmtId="0" fontId="16" fillId="0" borderId="129" xfId="3" applyBorder="1" applyAlignment="1">
      <alignment horizontal="center" vertical="center"/>
    </xf>
    <xf numFmtId="0" fontId="23" fillId="0" borderId="15" xfId="3" applyFont="1" applyBorder="1" applyAlignment="1">
      <alignment vertical="center" textRotation="255"/>
    </xf>
    <xf numFmtId="0" fontId="23" fillId="0" borderId="8" xfId="3" applyFont="1" applyBorder="1" applyAlignment="1">
      <alignment vertical="center" textRotation="255"/>
    </xf>
    <xf numFmtId="0" fontId="16" fillId="0" borderId="125" xfId="3" applyBorder="1" applyAlignment="1">
      <alignment horizontal="center" vertical="center"/>
    </xf>
    <xf numFmtId="0" fontId="16" fillId="0" borderId="65" xfId="3" applyBorder="1" applyAlignment="1">
      <alignment horizontal="center" vertical="center"/>
    </xf>
    <xf numFmtId="0" fontId="16" fillId="0" borderId="126" xfId="3" applyBorder="1" applyAlignment="1">
      <alignment horizontal="center" vertical="center"/>
    </xf>
    <xf numFmtId="0" fontId="16" fillId="0" borderId="5" xfId="3" applyBorder="1" applyAlignment="1">
      <alignment horizontal="center" vertical="center"/>
    </xf>
    <xf numFmtId="0" fontId="16" fillId="0" borderId="0" xfId="3" applyBorder="1" applyAlignment="1">
      <alignment horizontal="center" vertical="center"/>
    </xf>
    <xf numFmtId="0" fontId="16" fillId="0" borderId="2" xfId="3" applyBorder="1" applyAlignment="1">
      <alignment horizontal="center" vertical="center"/>
    </xf>
    <xf numFmtId="0" fontId="25" fillId="0" borderId="0" xfId="3" applyFont="1" applyAlignment="1">
      <alignment horizontal="center" vertical="center"/>
    </xf>
    <xf numFmtId="0" fontId="23" fillId="0" borderId="9" xfId="3" applyFont="1" applyBorder="1" applyAlignment="1">
      <alignment horizontal="center" vertical="center"/>
    </xf>
    <xf numFmtId="0" fontId="23" fillId="0" borderId="10" xfId="3" applyFont="1" applyBorder="1" applyAlignment="1">
      <alignment horizontal="center" vertical="center"/>
    </xf>
    <xf numFmtId="0" fontId="23" fillId="0" borderId="13" xfId="3" applyFont="1" applyBorder="1" applyAlignment="1">
      <alignment horizontal="center" vertical="center"/>
    </xf>
    <xf numFmtId="0" fontId="16" fillId="0" borderId="35" xfId="3" applyBorder="1" applyAlignment="1">
      <alignment horizontal="center" vertical="center"/>
    </xf>
    <xf numFmtId="0" fontId="16" fillId="0" borderId="38" xfId="3" applyBorder="1" applyAlignment="1">
      <alignment horizontal="center" vertical="center"/>
    </xf>
    <xf numFmtId="0" fontId="16" fillId="0" borderId="120" xfId="3" applyBorder="1" applyAlignment="1">
      <alignment horizontal="center" vertical="center"/>
    </xf>
    <xf numFmtId="0" fontId="16" fillId="0" borderId="21" xfId="3" applyBorder="1" applyAlignment="1">
      <alignment horizontal="center" vertical="center"/>
    </xf>
    <xf numFmtId="0" fontId="16" fillId="0" borderId="39" xfId="3" applyBorder="1" applyAlignment="1">
      <alignment horizontal="center" vertical="center"/>
    </xf>
    <xf numFmtId="0" fontId="16" fillId="0" borderId="119" xfId="3" applyBorder="1" applyAlignment="1">
      <alignment horizontal="center" vertical="center"/>
    </xf>
    <xf numFmtId="0" fontId="16" fillId="0" borderId="17" xfId="3" applyBorder="1" applyAlignment="1">
      <alignment horizontal="center" vertical="center"/>
    </xf>
    <xf numFmtId="0" fontId="16" fillId="0" borderId="6" xfId="3" applyBorder="1" applyAlignment="1">
      <alignment horizontal="center" vertical="center"/>
    </xf>
    <xf numFmtId="0" fontId="16" fillId="0" borderId="12" xfId="3" applyBorder="1" applyAlignment="1">
      <alignment horizontal="center" vertical="center"/>
    </xf>
    <xf numFmtId="0" fontId="16" fillId="0" borderId="7" xfId="3" applyBorder="1" applyAlignment="1">
      <alignment horizontal="center" vertical="center"/>
    </xf>
    <xf numFmtId="0" fontId="16" fillId="0" borderId="31" xfId="3" applyBorder="1" applyAlignment="1">
      <alignment horizontal="center" vertical="center"/>
    </xf>
    <xf numFmtId="0" fontId="16" fillId="0" borderId="34" xfId="3" applyBorder="1" applyAlignment="1">
      <alignment horizontal="center" vertical="center"/>
    </xf>
    <xf numFmtId="0" fontId="18" fillId="0" borderId="13" xfId="3" applyFont="1" applyBorder="1" applyAlignment="1">
      <alignment horizontal="center" vertical="center" shrinkToFit="1"/>
    </xf>
    <xf numFmtId="0" fontId="0" fillId="0" borderId="2" xfId="0" applyBorder="1"/>
    <xf numFmtId="0" fontId="23" fillId="0" borderId="96" xfId="3" applyFont="1" applyBorder="1" applyAlignment="1">
      <alignment horizontal="distributed" vertical="center"/>
    </xf>
    <xf numFmtId="0" fontId="23" fillId="0" borderId="97" xfId="3" applyFont="1" applyBorder="1" applyAlignment="1">
      <alignment horizontal="distributed" vertical="center"/>
    </xf>
    <xf numFmtId="0" fontId="23" fillId="0" borderId="98" xfId="3" applyFont="1" applyBorder="1" applyAlignment="1">
      <alignment horizontal="distributed" vertical="center"/>
    </xf>
    <xf numFmtId="0" fontId="23" fillId="0" borderId="123" xfId="3" applyFont="1" applyBorder="1" applyAlignment="1">
      <alignment vertical="center" textRotation="255"/>
    </xf>
    <xf numFmtId="0" fontId="23" fillId="0" borderId="65" xfId="3" applyFont="1" applyBorder="1" applyAlignment="1">
      <alignment vertical="center" textRotation="255"/>
    </xf>
    <xf numFmtId="0" fontId="9" fillId="0" borderId="5" xfId="3" applyFont="1" applyBorder="1" applyAlignment="1">
      <alignment horizontal="center" vertical="center"/>
    </xf>
    <xf numFmtId="0" fontId="9" fillId="0" borderId="2" xfId="3" applyFont="1" applyBorder="1" applyAlignment="1">
      <alignment horizontal="center" vertical="center"/>
    </xf>
    <xf numFmtId="0" fontId="23" fillId="0" borderId="9" xfId="3" applyFont="1" applyBorder="1" applyAlignment="1">
      <alignment horizontal="distributed" vertical="center"/>
    </xf>
    <xf numFmtId="0" fontId="23" fillId="0" borderId="2" xfId="3" applyFont="1" applyBorder="1" applyAlignment="1">
      <alignment horizontal="distributed" vertical="center"/>
    </xf>
    <xf numFmtId="0" fontId="23" fillId="0" borderId="3" xfId="3" applyFont="1" applyBorder="1" applyAlignment="1">
      <alignment horizontal="distributed" vertical="center"/>
    </xf>
    <xf numFmtId="0" fontId="9" fillId="0" borderId="17" xfId="3" applyFont="1" applyBorder="1" applyAlignment="1">
      <alignment horizontal="center" vertical="center"/>
    </xf>
    <xf numFmtId="0" fontId="9" fillId="0" borderId="15" xfId="3" applyFont="1" applyBorder="1" applyAlignment="1">
      <alignment horizontal="center" vertical="center"/>
    </xf>
    <xf numFmtId="0" fontId="23" fillId="0" borderId="96" xfId="3" applyFont="1" applyBorder="1" applyAlignment="1">
      <alignment vertical="center" textRotation="255"/>
    </xf>
    <xf numFmtId="0" fontId="23" fillId="0" borderId="4" xfId="3" applyFont="1" applyBorder="1" applyAlignment="1">
      <alignment vertical="center" textRotation="255"/>
    </xf>
    <xf numFmtId="0" fontId="16" fillId="0" borderId="14" xfId="3" applyBorder="1" applyAlignment="1">
      <alignment horizontal="center" vertical="center"/>
    </xf>
    <xf numFmtId="0" fontId="16" fillId="0" borderId="4" xfId="3" applyBorder="1" applyAlignment="1">
      <alignment horizontal="center" vertical="center"/>
    </xf>
    <xf numFmtId="0" fontId="16" fillId="0" borderId="66" xfId="3" applyBorder="1" applyAlignment="1">
      <alignment horizontal="center" vertical="center"/>
    </xf>
    <xf numFmtId="0" fontId="23" fillId="0" borderId="14" xfId="3" applyFont="1" applyBorder="1" applyAlignment="1">
      <alignment vertical="center" textRotation="255"/>
    </xf>
    <xf numFmtId="0" fontId="23" fillId="0" borderId="19" xfId="3" applyFont="1" applyBorder="1" applyAlignment="1">
      <alignment vertical="center" textRotation="255"/>
    </xf>
    <xf numFmtId="0" fontId="23" fillId="0" borderId="20" xfId="3" applyFont="1" applyBorder="1" applyAlignment="1">
      <alignment vertical="center" textRotation="255"/>
    </xf>
    <xf numFmtId="0" fontId="9" fillId="0" borderId="6" xfId="3" applyFont="1" applyBorder="1" applyAlignment="1">
      <alignment horizontal="center" vertical="center"/>
    </xf>
    <xf numFmtId="0" fontId="9" fillId="0" borderId="7" xfId="3" applyFont="1" applyBorder="1" applyAlignment="1">
      <alignment horizontal="center" vertical="center"/>
    </xf>
    <xf numFmtId="0" fontId="16" fillId="0" borderId="25" xfId="3" applyBorder="1" applyAlignment="1">
      <alignment horizontal="center" vertical="center"/>
    </xf>
    <xf numFmtId="0" fontId="16" fillId="0" borderId="42" xfId="3" applyBorder="1" applyAlignment="1">
      <alignment horizontal="center" vertical="center"/>
    </xf>
    <xf numFmtId="0" fontId="16" fillId="0" borderId="30" xfId="3" applyBorder="1" applyAlignment="1">
      <alignment horizontal="center" vertical="center"/>
    </xf>
    <xf numFmtId="0" fontId="9" fillId="0" borderId="17" xfId="3" applyFont="1" applyBorder="1" applyAlignment="1">
      <alignment vertical="center"/>
    </xf>
    <xf numFmtId="0" fontId="0" fillId="0" borderId="5" xfId="0" applyBorder="1"/>
    <xf numFmtId="0" fontId="0" fillId="0" borderId="12" xfId="0" applyBorder="1"/>
    <xf numFmtId="0" fontId="0" fillId="0" borderId="0" xfId="0"/>
    <xf numFmtId="0" fontId="0" fillId="0" borderId="0" xfId="0" applyBorder="1"/>
    <xf numFmtId="0" fontId="0" fillId="0" borderId="13" xfId="0" applyBorder="1"/>
    <xf numFmtId="0" fontId="16" fillId="0" borderId="25" xfId="3" applyBorder="1" applyAlignment="1">
      <alignment vertical="center"/>
    </xf>
    <xf numFmtId="0" fontId="16" fillId="0" borderId="42" xfId="3" applyBorder="1" applyAlignment="1">
      <alignment vertical="center"/>
    </xf>
    <xf numFmtId="0" fontId="16" fillId="0" borderId="118" xfId="3" applyBorder="1" applyAlignment="1">
      <alignment vertical="center"/>
    </xf>
    <xf numFmtId="0" fontId="16" fillId="0" borderId="21" xfId="3" applyBorder="1" applyAlignment="1">
      <alignment vertical="center"/>
    </xf>
    <xf numFmtId="0" fontId="16" fillId="0" borderId="39" xfId="3" applyBorder="1" applyAlignment="1">
      <alignment vertical="center"/>
    </xf>
    <xf numFmtId="0" fontId="16" fillId="0" borderId="119" xfId="3" applyBorder="1" applyAlignment="1">
      <alignment vertical="center"/>
    </xf>
    <xf numFmtId="0" fontId="16" fillId="0" borderId="29" xfId="3" applyBorder="1" applyAlignment="1">
      <alignment horizontal="center" vertical="center"/>
    </xf>
    <xf numFmtId="0" fontId="16" fillId="0" borderId="26" xfId="3" applyBorder="1" applyAlignment="1">
      <alignment horizontal="center" vertical="center"/>
    </xf>
    <xf numFmtId="0" fontId="16" fillId="0" borderId="43" xfId="3" applyBorder="1" applyAlignment="1">
      <alignment horizontal="center" vertical="center"/>
    </xf>
    <xf numFmtId="0" fontId="16" fillId="0" borderId="32" xfId="3" applyBorder="1" applyAlignment="1">
      <alignment horizontal="center" vertical="center"/>
    </xf>
    <xf numFmtId="0" fontId="16" fillId="0" borderId="15" xfId="3" applyBorder="1" applyAlignment="1">
      <alignment horizontal="center"/>
    </xf>
    <xf numFmtId="0" fontId="16" fillId="0" borderId="8" xfId="3" applyBorder="1" applyAlignment="1">
      <alignment horizontal="center"/>
    </xf>
    <xf numFmtId="0" fontId="16" fillId="0" borderId="10" xfId="3" applyBorder="1" applyAlignment="1">
      <alignment horizontal="center"/>
    </xf>
    <xf numFmtId="0" fontId="23" fillId="0" borderId="17" xfId="3" applyFont="1" applyBorder="1" applyAlignment="1">
      <alignment vertical="center" textRotation="255"/>
    </xf>
    <xf numFmtId="0" fontId="23" fillId="0" borderId="12" xfId="3" applyFont="1" applyBorder="1" applyAlignment="1">
      <alignment vertical="center" textRotation="255"/>
    </xf>
    <xf numFmtId="0" fontId="23" fillId="0" borderId="98" xfId="3" applyFont="1" applyBorder="1" applyAlignment="1">
      <alignment vertical="center" textRotation="255"/>
    </xf>
    <xf numFmtId="0" fontId="23" fillId="0" borderId="7" xfId="3" applyFont="1" applyBorder="1" applyAlignment="1">
      <alignment vertical="center" textRotation="255"/>
    </xf>
    <xf numFmtId="0" fontId="23" fillId="0" borderId="3" xfId="3" applyFont="1" applyBorder="1" applyAlignment="1">
      <alignment horizontal="center" vertical="center"/>
    </xf>
    <xf numFmtId="0" fontId="16" fillId="0" borderId="36" xfId="3" applyBorder="1" applyAlignment="1">
      <alignment horizontal="center" vertical="center"/>
    </xf>
    <xf numFmtId="0" fontId="16" fillId="0" borderId="41" xfId="3" applyBorder="1" applyAlignment="1">
      <alignment horizontal="center" vertical="center"/>
    </xf>
    <xf numFmtId="0" fontId="16" fillId="0" borderId="127" xfId="3" applyBorder="1" applyAlignment="1">
      <alignment horizontal="center" vertical="center"/>
    </xf>
    <xf numFmtId="0" fontId="16" fillId="0" borderId="15" xfId="3" applyBorder="1" applyAlignment="1">
      <alignment horizontal="center" vertical="center"/>
    </xf>
    <xf numFmtId="0" fontId="16" fillId="0" borderId="8" xfId="3" applyBorder="1" applyAlignment="1">
      <alignment horizontal="center" vertical="center"/>
    </xf>
    <xf numFmtId="0" fontId="16" fillId="0" borderId="33" xfId="3" applyBorder="1" applyAlignment="1">
      <alignment horizontal="center" vertical="center"/>
    </xf>
    <xf numFmtId="0" fontId="23" fillId="0" borderId="6" xfId="3" applyFont="1" applyBorder="1" applyAlignment="1">
      <alignment vertical="center" textRotation="255"/>
    </xf>
    <xf numFmtId="0" fontId="9" fillId="0" borderId="12" xfId="3" applyFont="1" applyBorder="1" applyAlignment="1">
      <alignment horizontal="center" vertical="center" wrapText="1"/>
    </xf>
    <xf numFmtId="0" fontId="9" fillId="0" borderId="0" xfId="3" applyFont="1" applyBorder="1" applyAlignment="1">
      <alignment horizontal="center" vertical="center" wrapText="1"/>
    </xf>
    <xf numFmtId="0" fontId="9" fillId="0" borderId="8" xfId="3" applyFont="1" applyBorder="1" applyAlignment="1">
      <alignment horizontal="center" vertical="center" wrapText="1"/>
    </xf>
    <xf numFmtId="0" fontId="9" fillId="0" borderId="113" xfId="3" applyFont="1" applyBorder="1" applyAlignment="1">
      <alignment horizontal="center" vertical="center"/>
    </xf>
    <xf numFmtId="0" fontId="9" fillId="0" borderId="97" xfId="3" applyFont="1" applyBorder="1" applyAlignment="1">
      <alignment horizontal="center" vertical="center"/>
    </xf>
    <xf numFmtId="0" fontId="9" fillId="0" borderId="101" xfId="3" applyFont="1" applyBorder="1" applyAlignment="1">
      <alignment horizontal="center" vertical="center"/>
    </xf>
    <xf numFmtId="0" fontId="9" fillId="0" borderId="13" xfId="3" applyFont="1" applyBorder="1" applyAlignment="1">
      <alignment horizontal="center" vertical="center"/>
    </xf>
    <xf numFmtId="0" fontId="9" fillId="0" borderId="10" xfId="3" applyFont="1" applyBorder="1" applyAlignment="1">
      <alignment horizontal="center" vertical="center"/>
    </xf>
    <xf numFmtId="0" fontId="16" fillId="0" borderId="44" xfId="3" applyBorder="1" applyAlignment="1">
      <alignment horizontal="center" vertical="center"/>
    </xf>
    <xf numFmtId="0" fontId="9" fillId="0" borderId="96" xfId="3" applyFont="1" applyBorder="1" applyAlignment="1">
      <alignment horizontal="center" vertical="center"/>
    </xf>
    <xf numFmtId="0" fontId="9" fillId="0" borderId="98" xfId="3" applyFont="1" applyBorder="1" applyAlignment="1">
      <alignment horizontal="center" vertical="center"/>
    </xf>
    <xf numFmtId="0" fontId="9" fillId="0" borderId="9" xfId="3" applyFont="1" applyBorder="1" applyAlignment="1">
      <alignment horizontal="center" vertical="center"/>
    </xf>
    <xf numFmtId="0" fontId="9" fillId="0" borderId="3" xfId="3" applyFont="1" applyBorder="1" applyAlignment="1">
      <alignment horizontal="center" vertical="center"/>
    </xf>
    <xf numFmtId="0" fontId="16" fillId="0" borderId="27" xfId="3" applyBorder="1" applyAlignment="1">
      <alignment horizontal="center" vertical="center"/>
    </xf>
    <xf numFmtId="0" fontId="16" fillId="0" borderId="37" xfId="3" applyBorder="1" applyAlignment="1">
      <alignment horizontal="center" vertical="center"/>
    </xf>
    <xf numFmtId="0" fontId="16" fillId="0" borderId="28" xfId="3" applyBorder="1" applyAlignment="1">
      <alignment horizontal="center" vertical="center"/>
    </xf>
    <xf numFmtId="0" fontId="18" fillId="0" borderId="0" xfId="3" applyFont="1" applyBorder="1" applyAlignment="1">
      <alignment vertical="center"/>
    </xf>
    <xf numFmtId="0" fontId="0" fillId="0" borderId="0" xfId="0" applyBorder="1" applyAlignment="1">
      <alignment vertical="center"/>
    </xf>
    <xf numFmtId="0" fontId="0" fillId="0" borderId="2" xfId="0" applyBorder="1" applyAlignment="1">
      <alignment vertical="center"/>
    </xf>
    <xf numFmtId="0" fontId="18" fillId="0" borderId="128" xfId="3" applyFont="1" applyBorder="1" applyAlignment="1">
      <alignment vertical="center" textRotation="255"/>
    </xf>
    <xf numFmtId="0" fontId="18" fillId="0" borderId="20" xfId="3" applyFont="1" applyBorder="1" applyAlignment="1">
      <alignment vertical="center" textRotation="255"/>
    </xf>
    <xf numFmtId="0" fontId="18" fillId="0" borderId="17" xfId="3" applyFont="1" applyBorder="1" applyAlignment="1">
      <alignment horizontal="center" vertical="center" wrapText="1"/>
    </xf>
    <xf numFmtId="0" fontId="18" fillId="0" borderId="17" xfId="3" applyFont="1" applyBorder="1" applyAlignment="1">
      <alignment horizontal="center" vertical="center"/>
    </xf>
    <xf numFmtId="0" fontId="18" fillId="0" borderId="15" xfId="3" applyFont="1" applyBorder="1" applyAlignment="1">
      <alignment horizontal="center" vertical="center"/>
    </xf>
    <xf numFmtId="0" fontId="18" fillId="0" borderId="12" xfId="3" applyFont="1" applyBorder="1" applyAlignment="1">
      <alignment horizontal="center" vertical="center"/>
    </xf>
    <xf numFmtId="0" fontId="18" fillId="0" borderId="8" xfId="3" applyFont="1" applyBorder="1" applyAlignment="1">
      <alignment horizontal="center" vertical="center"/>
    </xf>
    <xf numFmtId="0" fontId="26" fillId="0" borderId="5" xfId="3" applyFont="1" applyBorder="1" applyAlignment="1">
      <alignment horizontal="center" vertical="center"/>
    </xf>
    <xf numFmtId="0" fontId="0" fillId="0" borderId="5" xfId="0" applyBorder="1" applyAlignment="1">
      <alignment horizontal="center" vertical="center"/>
    </xf>
    <xf numFmtId="0" fontId="0" fillId="0" borderId="15" xfId="0" applyBorder="1" applyAlignment="1">
      <alignment horizontal="center" vertical="center"/>
    </xf>
    <xf numFmtId="0" fontId="0" fillId="0" borderId="2" xfId="0" applyBorder="1" applyAlignment="1">
      <alignment horizontal="center" vertical="center"/>
    </xf>
    <xf numFmtId="0" fontId="0" fillId="0" borderId="10" xfId="0" applyBorder="1" applyAlignment="1">
      <alignment horizontal="center" vertical="center"/>
    </xf>
    <xf numFmtId="0" fontId="51" fillId="0" borderId="0" xfId="3" applyFont="1" applyFill="1" applyAlignment="1">
      <alignment horizontal="center" vertical="center"/>
    </xf>
    <xf numFmtId="0" fontId="24" fillId="0" borderId="5" xfId="3" applyFont="1" applyBorder="1" applyAlignment="1">
      <alignment horizontal="distributed" vertical="center"/>
    </xf>
    <xf numFmtId="0" fontId="24" fillId="0" borderId="0" xfId="3" applyFont="1" applyBorder="1" applyAlignment="1">
      <alignment horizontal="distributed" vertical="center"/>
    </xf>
    <xf numFmtId="0" fontId="24" fillId="0" borderId="2" xfId="3" applyFont="1" applyBorder="1" applyAlignment="1">
      <alignment horizontal="distributed" vertical="center"/>
    </xf>
    <xf numFmtId="0" fontId="9" fillId="0" borderId="17" xfId="3" applyFont="1" applyBorder="1" applyAlignment="1">
      <alignment horizontal="center" vertical="center" textRotation="255"/>
    </xf>
    <xf numFmtId="0" fontId="9" fillId="0" borderId="15" xfId="3" applyFont="1" applyBorder="1" applyAlignment="1">
      <alignment horizontal="center" vertical="center" textRotation="255"/>
    </xf>
    <xf numFmtId="0" fontId="9" fillId="0" borderId="12" xfId="3" applyFont="1" applyBorder="1" applyAlignment="1">
      <alignment horizontal="center" vertical="center" textRotation="255"/>
    </xf>
    <xf numFmtId="0" fontId="9" fillId="0" borderId="8" xfId="3" applyFont="1" applyBorder="1" applyAlignment="1">
      <alignment horizontal="center" vertical="center" textRotation="255"/>
    </xf>
    <xf numFmtId="0" fontId="9" fillId="0" borderId="13" xfId="3" applyFont="1" applyBorder="1" applyAlignment="1">
      <alignment horizontal="center" vertical="center" textRotation="255"/>
    </xf>
    <xf numFmtId="0" fontId="9" fillId="0" borderId="10" xfId="3" applyFont="1" applyBorder="1" applyAlignment="1">
      <alignment horizontal="center" vertical="center" textRotation="255"/>
    </xf>
    <xf numFmtId="0" fontId="9" fillId="0" borderId="69" xfId="3" applyFont="1" applyBorder="1">
      <alignment vertical="center"/>
    </xf>
    <xf numFmtId="0" fontId="9" fillId="0" borderId="14" xfId="3" applyFont="1" applyBorder="1" applyAlignment="1">
      <alignment horizontal="center" vertical="center"/>
    </xf>
    <xf numFmtId="0" fontId="9" fillId="0" borderId="4" xfId="3" applyFont="1" applyBorder="1" applyAlignment="1">
      <alignment horizontal="center" vertical="center"/>
    </xf>
    <xf numFmtId="0" fontId="18" fillId="0" borderId="6" xfId="3" applyFont="1" applyBorder="1" applyAlignment="1">
      <alignment horizontal="center" vertical="center"/>
    </xf>
    <xf numFmtId="0" fontId="18" fillId="0" borderId="7" xfId="3" applyFont="1" applyBorder="1" applyAlignment="1">
      <alignment horizontal="center" vertical="center"/>
    </xf>
    <xf numFmtId="0" fontId="17" fillId="0" borderId="5" xfId="3" applyFont="1" applyBorder="1" applyAlignment="1">
      <alignment horizontal="center" vertical="center"/>
    </xf>
    <xf numFmtId="0" fontId="17" fillId="0" borderId="0" xfId="3" applyFont="1" applyBorder="1" applyAlignment="1">
      <alignment horizontal="center" vertical="center"/>
    </xf>
    <xf numFmtId="0" fontId="17" fillId="0" borderId="11" xfId="3" applyFont="1" applyBorder="1" applyAlignment="1">
      <alignment horizontal="center" vertical="center"/>
    </xf>
    <xf numFmtId="0" fontId="16" fillId="0" borderId="118" xfId="3" applyBorder="1" applyAlignment="1">
      <alignment horizontal="center" vertical="center"/>
    </xf>
    <xf numFmtId="0" fontId="18" fillId="0" borderId="5" xfId="3" applyFont="1" applyBorder="1" applyAlignment="1">
      <alignment horizontal="center" vertical="center"/>
    </xf>
    <xf numFmtId="0" fontId="18" fillId="0" borderId="0" xfId="3" applyFont="1" applyBorder="1" applyAlignment="1">
      <alignment horizontal="center" vertical="center"/>
    </xf>
    <xf numFmtId="0" fontId="18" fillId="0" borderId="13" xfId="3" applyFont="1" applyBorder="1" applyAlignment="1">
      <alignment horizontal="center" vertical="center"/>
    </xf>
    <xf numFmtId="0" fontId="18" fillId="0" borderId="2" xfId="3" applyFont="1" applyBorder="1" applyAlignment="1">
      <alignment horizontal="center" vertical="center"/>
    </xf>
    <xf numFmtId="0" fontId="18" fillId="0" borderId="10" xfId="3" applyFont="1" applyBorder="1" applyAlignment="1">
      <alignment horizontal="center" vertical="center"/>
    </xf>
    <xf numFmtId="0" fontId="9" fillId="0" borderId="5" xfId="3" applyFont="1" applyBorder="1" applyAlignment="1">
      <alignment vertical="center"/>
    </xf>
    <xf numFmtId="0" fontId="9" fillId="0" borderId="15" xfId="3" applyFont="1" applyBorder="1" applyAlignment="1">
      <alignment vertical="center"/>
    </xf>
    <xf numFmtId="0" fontId="9" fillId="0" borderId="0" xfId="3" applyFont="1" applyBorder="1" applyAlignment="1">
      <alignment vertical="center"/>
    </xf>
    <xf numFmtId="0" fontId="9" fillId="0" borderId="8" xfId="3" applyFont="1" applyBorder="1" applyAlignment="1">
      <alignment vertical="center"/>
    </xf>
    <xf numFmtId="0" fontId="9" fillId="0" borderId="2" xfId="3" applyFont="1" applyBorder="1" applyAlignment="1">
      <alignment vertical="center"/>
    </xf>
    <xf numFmtId="0" fontId="9" fillId="0" borderId="10" xfId="3" applyFont="1" applyBorder="1" applyAlignment="1">
      <alignment vertical="center"/>
    </xf>
    <xf numFmtId="0" fontId="26" fillId="0" borderId="17" xfId="3" applyFont="1" applyBorder="1" applyAlignment="1">
      <alignment horizontal="center" vertical="center" wrapText="1"/>
    </xf>
    <xf numFmtId="0" fontId="26" fillId="0" borderId="5" xfId="3" applyFont="1" applyBorder="1" applyAlignment="1">
      <alignment horizontal="center" vertical="center" wrapText="1"/>
    </xf>
    <xf numFmtId="0" fontId="26" fillId="0" borderId="15" xfId="3" applyFont="1" applyBorder="1" applyAlignment="1">
      <alignment horizontal="center" vertical="center" wrapText="1"/>
    </xf>
    <xf numFmtId="0" fontId="26" fillId="0" borderId="12" xfId="3" applyFont="1" applyBorder="1" applyAlignment="1">
      <alignment horizontal="center" vertical="center" wrapText="1"/>
    </xf>
    <xf numFmtId="0" fontId="26" fillId="0" borderId="0" xfId="3" applyFont="1" applyBorder="1" applyAlignment="1">
      <alignment horizontal="center" vertical="center" wrapText="1"/>
    </xf>
    <xf numFmtId="0" fontId="26" fillId="0" borderId="8" xfId="3" applyFont="1" applyBorder="1" applyAlignment="1">
      <alignment horizontal="center" vertical="center" wrapText="1"/>
    </xf>
    <xf numFmtId="0" fontId="16" fillId="0" borderId="13" xfId="3" applyBorder="1" applyAlignment="1">
      <alignment horizontal="center" vertical="center"/>
    </xf>
    <xf numFmtId="0" fontId="16" fillId="0" borderId="10" xfId="3" applyBorder="1" applyAlignment="1">
      <alignment horizontal="center" vertical="center"/>
    </xf>
    <xf numFmtId="0" fontId="16" fillId="0" borderId="35" xfId="3" applyBorder="1" applyAlignment="1">
      <alignment vertical="center"/>
    </xf>
    <xf numFmtId="0" fontId="16" fillId="0" borderId="38" xfId="3" applyBorder="1" applyAlignment="1">
      <alignment vertical="center"/>
    </xf>
    <xf numFmtId="0" fontId="16" fillId="0" borderId="120" xfId="3" applyBorder="1" applyAlignment="1">
      <alignment vertical="center"/>
    </xf>
    <xf numFmtId="0" fontId="16" fillId="0" borderId="26" xfId="3" applyBorder="1" applyAlignment="1">
      <alignment vertical="center"/>
    </xf>
    <xf numFmtId="0" fontId="16" fillId="0" borderId="43" xfId="3" applyBorder="1" applyAlignment="1">
      <alignment vertical="center"/>
    </xf>
    <xf numFmtId="0" fontId="16" fillId="0" borderId="32" xfId="3" applyBorder="1" applyAlignment="1">
      <alignment vertical="center"/>
    </xf>
    <xf numFmtId="0" fontId="17" fillId="0" borderId="14" xfId="3" applyFont="1" applyBorder="1" applyAlignment="1">
      <alignment horizontal="center" vertical="center"/>
    </xf>
    <xf numFmtId="0" fontId="17" fillId="0" borderId="4" xfId="3" applyFont="1" applyBorder="1" applyAlignment="1">
      <alignment horizontal="center" vertical="center"/>
    </xf>
    <xf numFmtId="0" fontId="17" fillId="0" borderId="66" xfId="3" applyFont="1" applyBorder="1" applyAlignment="1">
      <alignment horizontal="center" vertical="center"/>
    </xf>
    <xf numFmtId="0" fontId="9" fillId="0" borderId="14" xfId="3" applyFont="1" applyBorder="1" applyAlignment="1">
      <alignment vertical="center"/>
    </xf>
    <xf numFmtId="0" fontId="9" fillId="0" borderId="4" xfId="3" applyFont="1" applyBorder="1" applyAlignment="1">
      <alignment vertical="center"/>
    </xf>
    <xf numFmtId="0" fontId="9" fillId="0" borderId="66" xfId="3" applyFont="1" applyBorder="1" applyAlignment="1">
      <alignment vertical="center"/>
    </xf>
    <xf numFmtId="0" fontId="9" fillId="0" borderId="11" xfId="3" applyFont="1" applyBorder="1" applyAlignment="1">
      <alignment vertical="center"/>
    </xf>
    <xf numFmtId="0" fontId="9" fillId="0" borderId="33" xfId="3" applyFont="1" applyBorder="1" applyAlignment="1">
      <alignment vertical="center"/>
    </xf>
    <xf numFmtId="0" fontId="16" fillId="0" borderId="30" xfId="3" applyBorder="1" applyAlignment="1">
      <alignment vertical="center"/>
    </xf>
    <xf numFmtId="0" fontId="16" fillId="0" borderId="47" xfId="3" applyBorder="1" applyAlignment="1">
      <alignment horizontal="center" vertical="center"/>
    </xf>
    <xf numFmtId="0" fontId="16" fillId="0" borderId="40" xfId="3" applyBorder="1" applyAlignment="1">
      <alignment horizontal="center" vertical="center"/>
    </xf>
    <xf numFmtId="0" fontId="16" fillId="0" borderId="122" xfId="3" applyBorder="1" applyAlignment="1">
      <alignment horizontal="center" vertical="center"/>
    </xf>
    <xf numFmtId="0" fontId="17" fillId="0" borderId="0" xfId="3" applyFont="1" applyAlignment="1">
      <alignment horizontal="center" vertical="center"/>
    </xf>
    <xf numFmtId="0" fontId="23" fillId="0" borderId="17" xfId="3" applyFont="1" applyBorder="1" applyAlignment="1">
      <alignment horizontal="center" vertical="center" textRotation="255"/>
    </xf>
    <xf numFmtId="0" fontId="23" fillId="0" borderId="15" xfId="3" applyFont="1" applyBorder="1" applyAlignment="1">
      <alignment horizontal="center" vertical="center" textRotation="255"/>
    </xf>
    <xf numFmtId="0" fontId="23" fillId="0" borderId="12" xfId="3" applyFont="1" applyBorder="1" applyAlignment="1">
      <alignment horizontal="center" vertical="center" textRotation="255"/>
    </xf>
    <xf numFmtId="0" fontId="23" fillId="0" borderId="8" xfId="3" applyFont="1" applyBorder="1" applyAlignment="1">
      <alignment horizontal="center" vertical="center" textRotation="255"/>
    </xf>
    <xf numFmtId="0" fontId="23" fillId="0" borderId="13" xfId="3" applyFont="1" applyBorder="1" applyAlignment="1">
      <alignment horizontal="center" vertical="center" textRotation="255"/>
    </xf>
    <xf numFmtId="0" fontId="23" fillId="0" borderId="10" xfId="3" applyFont="1" applyBorder="1" applyAlignment="1">
      <alignment horizontal="center" vertical="center" textRotation="255"/>
    </xf>
    <xf numFmtId="0" fontId="18" fillId="0" borderId="121" xfId="3" applyFont="1" applyBorder="1">
      <alignment vertical="center"/>
    </xf>
    <xf numFmtId="0" fontId="0" fillId="0" borderId="12" xfId="0" applyBorder="1" applyAlignment="1">
      <alignment horizontal="center" vertical="center"/>
    </xf>
    <xf numFmtId="0" fontId="0" fillId="0" borderId="0" xfId="0" applyAlignment="1">
      <alignment horizontal="center" vertical="center"/>
    </xf>
    <xf numFmtId="0" fontId="0" fillId="0" borderId="8" xfId="0" applyBorder="1" applyAlignment="1">
      <alignment horizontal="center" vertical="center"/>
    </xf>
    <xf numFmtId="0" fontId="16" fillId="0" borderId="17" xfId="3" applyFont="1" applyBorder="1" applyAlignment="1">
      <alignment horizontal="center" vertical="center"/>
    </xf>
    <xf numFmtId="0" fontId="0" fillId="0" borderId="0" xfId="0" applyBorder="1" applyAlignment="1">
      <alignment horizontal="center" vertical="center"/>
    </xf>
    <xf numFmtId="0" fontId="0" fillId="0" borderId="13" xfId="0" applyBorder="1" applyAlignment="1">
      <alignment horizontal="center" vertical="center"/>
    </xf>
    <xf numFmtId="0" fontId="9" fillId="0" borderId="0" xfId="3" applyFont="1" applyBorder="1">
      <alignment vertical="center"/>
    </xf>
    <xf numFmtId="0" fontId="9" fillId="0" borderId="8" xfId="3" applyFont="1" applyBorder="1">
      <alignment vertical="center"/>
    </xf>
    <xf numFmtId="0" fontId="9" fillId="0" borderId="2" xfId="3" applyFont="1" applyBorder="1">
      <alignment vertical="center"/>
    </xf>
    <xf numFmtId="0" fontId="9" fillId="0" borderId="10" xfId="3" applyFont="1" applyBorder="1">
      <alignment vertical="center"/>
    </xf>
    <xf numFmtId="0" fontId="16" fillId="0" borderId="133" xfId="3" applyBorder="1" applyAlignment="1">
      <alignment horizontal="center" vertical="center"/>
    </xf>
    <xf numFmtId="0" fontId="16" fillId="0" borderId="134" xfId="3" applyBorder="1" applyAlignment="1">
      <alignment horizontal="center" vertical="center"/>
    </xf>
    <xf numFmtId="0" fontId="16" fillId="0" borderId="135" xfId="3" applyBorder="1" applyAlignment="1">
      <alignment horizontal="center" vertical="center"/>
    </xf>
    <xf numFmtId="0" fontId="24" fillId="0" borderId="96" xfId="3" applyFont="1" applyBorder="1" applyAlignment="1">
      <alignment horizontal="center" vertical="center"/>
    </xf>
    <xf numFmtId="0" fontId="24" fillId="0" borderId="97" xfId="3" applyFont="1" applyBorder="1" applyAlignment="1">
      <alignment horizontal="center" vertical="center"/>
    </xf>
    <xf numFmtId="0" fontId="24" fillId="0" borderId="98" xfId="3" applyFont="1" applyBorder="1" applyAlignment="1">
      <alignment horizontal="center" vertical="center"/>
    </xf>
    <xf numFmtId="0" fontId="24" fillId="0" borderId="66" xfId="3" applyFont="1" applyBorder="1" applyAlignment="1">
      <alignment horizontal="center" vertical="center"/>
    </xf>
    <xf numFmtId="0" fontId="24" fillId="0" borderId="11" xfId="3" applyFont="1" applyBorder="1" applyAlignment="1">
      <alignment horizontal="center" vertical="center"/>
    </xf>
    <xf numFmtId="0" fontId="24" fillId="0" borderId="34" xfId="3" applyFont="1" applyBorder="1" applyAlignment="1">
      <alignment horizontal="center" vertical="center"/>
    </xf>
    <xf numFmtId="0" fontId="0" fillId="0" borderId="65" xfId="0" applyBorder="1" applyAlignment="1">
      <alignment vertical="center" textRotation="255"/>
    </xf>
    <xf numFmtId="0" fontId="17" fillId="0" borderId="2" xfId="3" applyFont="1" applyBorder="1" applyAlignment="1">
      <alignment horizontal="center" vertical="center"/>
    </xf>
    <xf numFmtId="0" fontId="17" fillId="0" borderId="17" xfId="3" applyFont="1" applyBorder="1" applyAlignment="1">
      <alignment horizontal="center" vertical="center"/>
    </xf>
    <xf numFmtId="0" fontId="17" fillId="0" borderId="12" xfId="3" applyFont="1" applyBorder="1" applyAlignment="1">
      <alignment horizontal="center" vertical="center"/>
    </xf>
    <xf numFmtId="0" fontId="17" fillId="0" borderId="13" xfId="3" applyFont="1" applyBorder="1" applyAlignment="1">
      <alignment horizontal="center" vertical="center"/>
    </xf>
    <xf numFmtId="0" fontId="17" fillId="0" borderId="6" xfId="3" applyFont="1" applyBorder="1" applyAlignment="1">
      <alignment horizontal="center" vertical="center"/>
    </xf>
    <xf numFmtId="0" fontId="17" fillId="0" borderId="7" xfId="3" applyFont="1" applyBorder="1" applyAlignment="1">
      <alignment horizontal="center" vertical="center"/>
    </xf>
    <xf numFmtId="0" fontId="17" fillId="0" borderId="34" xfId="3" applyFont="1" applyBorder="1" applyAlignment="1">
      <alignment horizontal="center" vertical="center"/>
    </xf>
    <xf numFmtId="0" fontId="16" fillId="0" borderId="39" xfId="3" applyFill="1" applyBorder="1" applyAlignment="1">
      <alignment horizontal="center"/>
    </xf>
    <xf numFmtId="0" fontId="16" fillId="0" borderId="119" xfId="3" applyFill="1" applyBorder="1" applyAlignment="1">
      <alignment horizontal="center"/>
    </xf>
    <xf numFmtId="0" fontId="16" fillId="0" borderId="35" xfId="3" applyFill="1" applyBorder="1" applyAlignment="1">
      <alignment horizontal="center"/>
    </xf>
    <xf numFmtId="0" fontId="16" fillId="0" borderId="38" xfId="3" applyFill="1" applyBorder="1" applyAlignment="1">
      <alignment horizontal="center"/>
    </xf>
    <xf numFmtId="0" fontId="16" fillId="0" borderId="120" xfId="3" applyFill="1" applyBorder="1" applyAlignment="1">
      <alignment horizontal="center"/>
    </xf>
    <xf numFmtId="0" fontId="16" fillId="0" borderId="25" xfId="3" applyFill="1" applyBorder="1" applyAlignment="1">
      <alignment horizontal="center"/>
    </xf>
    <xf numFmtId="0" fontId="16" fillId="0" borderId="42" xfId="3" applyFill="1" applyBorder="1" applyAlignment="1">
      <alignment horizontal="center"/>
    </xf>
    <xf numFmtId="0" fontId="16" fillId="0" borderId="118" xfId="3" applyFill="1" applyBorder="1" applyAlignment="1">
      <alignment horizontal="center"/>
    </xf>
    <xf numFmtId="0" fontId="16" fillId="0" borderId="19" xfId="3" applyFill="1" applyBorder="1" applyAlignment="1">
      <alignment horizontal="center"/>
    </xf>
    <xf numFmtId="0" fontId="16" fillId="0" borderId="20" xfId="3" applyFill="1" applyBorder="1" applyAlignment="1">
      <alignment horizontal="center"/>
    </xf>
    <xf numFmtId="0" fontId="16" fillId="0" borderId="18" xfId="3" applyFill="1" applyBorder="1" applyAlignment="1">
      <alignment horizontal="center"/>
    </xf>
    <xf numFmtId="0" fontId="23" fillId="0" borderId="9" xfId="3" applyFont="1" applyFill="1" applyBorder="1" applyAlignment="1">
      <alignment horizontal="center" vertical="center"/>
    </xf>
    <xf numFmtId="0" fontId="23" fillId="0" borderId="10" xfId="3" applyFont="1" applyFill="1" applyBorder="1" applyAlignment="1">
      <alignment horizontal="center" vertical="center"/>
    </xf>
    <xf numFmtId="0" fontId="23" fillId="0" borderId="13" xfId="3" applyFont="1" applyFill="1" applyBorder="1" applyAlignment="1">
      <alignment horizontal="center" vertical="center"/>
    </xf>
    <xf numFmtId="0" fontId="23" fillId="0" borderId="19" xfId="3" applyFont="1" applyFill="1" applyBorder="1" applyAlignment="1">
      <alignment vertical="center" textRotation="255"/>
    </xf>
    <xf numFmtId="0" fontId="23" fillId="0" borderId="20" xfId="3" applyFont="1" applyFill="1" applyBorder="1" applyAlignment="1">
      <alignment vertical="center" textRotation="255"/>
    </xf>
    <xf numFmtId="0" fontId="9" fillId="0" borderId="17" xfId="3" applyFont="1" applyFill="1" applyBorder="1" applyAlignment="1">
      <alignment horizontal="center" vertical="center"/>
    </xf>
    <xf numFmtId="0" fontId="9" fillId="0" borderId="15" xfId="3" applyFont="1" applyFill="1" applyBorder="1" applyAlignment="1">
      <alignment horizontal="center" vertical="center"/>
    </xf>
    <xf numFmtId="0" fontId="9" fillId="0" borderId="6" xfId="3" applyFont="1" applyFill="1" applyBorder="1" applyAlignment="1">
      <alignment horizontal="center" vertical="center"/>
    </xf>
    <xf numFmtId="0" fontId="9" fillId="0" borderId="7" xfId="3" applyFont="1" applyFill="1" applyBorder="1" applyAlignment="1">
      <alignment horizontal="center" vertical="center"/>
    </xf>
    <xf numFmtId="0" fontId="23" fillId="0" borderId="9" xfId="3" applyFont="1" applyFill="1" applyBorder="1" applyAlignment="1">
      <alignment horizontal="distributed" vertical="center"/>
    </xf>
    <xf numFmtId="0" fontId="23" fillId="0" borderId="2" xfId="3" applyFont="1" applyFill="1" applyBorder="1" applyAlignment="1">
      <alignment horizontal="distributed" vertical="center"/>
    </xf>
    <xf numFmtId="0" fontId="23" fillId="0" borderId="3" xfId="3" applyFont="1" applyFill="1" applyBorder="1" applyAlignment="1">
      <alignment horizontal="distributed" vertical="center"/>
    </xf>
    <xf numFmtId="0" fontId="16" fillId="0" borderId="35" xfId="3" applyFill="1" applyBorder="1" applyAlignment="1">
      <alignment horizontal="center" vertical="center"/>
    </xf>
    <xf numFmtId="0" fontId="16" fillId="0" borderId="38" xfId="3" applyFill="1" applyBorder="1" applyAlignment="1">
      <alignment horizontal="center" vertical="center"/>
    </xf>
    <xf numFmtId="0" fontId="16" fillId="0" borderId="120" xfId="3" applyFill="1" applyBorder="1" applyAlignment="1">
      <alignment horizontal="center" vertical="center"/>
    </xf>
    <xf numFmtId="0" fontId="23" fillId="0" borderId="14" xfId="3" applyFont="1" applyFill="1" applyBorder="1" applyAlignment="1">
      <alignment vertical="center" textRotation="255"/>
    </xf>
    <xf numFmtId="0" fontId="23" fillId="0" borderId="4" xfId="3" applyFont="1" applyFill="1" applyBorder="1" applyAlignment="1">
      <alignment vertical="center" textRotation="255"/>
    </xf>
    <xf numFmtId="0" fontId="23" fillId="0" borderId="15" xfId="3" applyFont="1" applyFill="1" applyBorder="1" applyAlignment="1">
      <alignment vertical="center" textRotation="255"/>
    </xf>
    <xf numFmtId="0" fontId="23" fillId="0" borderId="8" xfId="3" applyFont="1" applyFill="1" applyBorder="1" applyAlignment="1">
      <alignment vertical="center" textRotation="255"/>
    </xf>
    <xf numFmtId="0" fontId="23" fillId="0" borderId="6" xfId="3" applyFont="1" applyFill="1" applyBorder="1" applyAlignment="1">
      <alignment vertical="center" textRotation="255"/>
    </xf>
    <xf numFmtId="0" fontId="23" fillId="0" borderId="7" xfId="3" applyFont="1" applyFill="1" applyBorder="1" applyAlignment="1">
      <alignment vertical="center" textRotation="255"/>
    </xf>
    <xf numFmtId="0" fontId="18" fillId="0" borderId="17" xfId="3" applyFont="1" applyFill="1" applyBorder="1" applyAlignment="1">
      <alignment horizontal="center" vertical="center" wrapText="1"/>
    </xf>
    <xf numFmtId="0" fontId="0" fillId="0" borderId="5" xfId="0" applyFill="1" applyBorder="1"/>
    <xf numFmtId="0" fontId="0" fillId="0" borderId="12" xfId="0" applyFill="1" applyBorder="1"/>
    <xf numFmtId="0" fontId="0" fillId="0" borderId="0" xfId="0" applyFill="1"/>
    <xf numFmtId="0" fontId="0" fillId="0" borderId="0" xfId="0" applyFill="1" applyBorder="1"/>
    <xf numFmtId="0" fontId="26" fillId="0" borderId="17" xfId="3" applyFont="1" applyFill="1" applyBorder="1" applyAlignment="1">
      <alignment horizontal="center" vertical="center" wrapText="1"/>
    </xf>
    <xf numFmtId="0" fontId="26" fillId="0" borderId="5" xfId="3" applyFont="1" applyFill="1" applyBorder="1" applyAlignment="1">
      <alignment horizontal="center" vertical="center" wrapText="1"/>
    </xf>
    <xf numFmtId="0" fontId="26" fillId="0" borderId="15" xfId="3" applyFont="1" applyFill="1" applyBorder="1" applyAlignment="1">
      <alignment horizontal="center" vertical="center" wrapText="1"/>
    </xf>
    <xf numFmtId="0" fontId="26" fillId="0" borderId="5" xfId="3" applyFont="1" applyFill="1" applyBorder="1" applyAlignment="1">
      <alignment horizontal="center" vertical="center"/>
    </xf>
    <xf numFmtId="0" fontId="0" fillId="0" borderId="5" xfId="0" applyFill="1" applyBorder="1" applyAlignment="1">
      <alignment horizontal="center" vertical="center"/>
    </xf>
    <xf numFmtId="0" fontId="0" fillId="0" borderId="15" xfId="0" applyFill="1" applyBorder="1" applyAlignment="1">
      <alignment horizontal="center" vertical="center"/>
    </xf>
    <xf numFmtId="0" fontId="0" fillId="0" borderId="2" xfId="0" applyFill="1" applyBorder="1" applyAlignment="1">
      <alignment horizontal="center" vertical="center"/>
    </xf>
    <xf numFmtId="0" fontId="0" fillId="0" borderId="10" xfId="0" applyFill="1" applyBorder="1" applyAlignment="1">
      <alignment horizontal="center" vertical="center"/>
    </xf>
    <xf numFmtId="0" fontId="9" fillId="0" borderId="5" xfId="3" applyFont="1" applyFill="1" applyBorder="1" applyAlignment="1">
      <alignment horizontal="center" vertical="center"/>
    </xf>
    <xf numFmtId="0" fontId="9" fillId="0" borderId="2" xfId="3" applyFont="1" applyFill="1" applyBorder="1" applyAlignment="1">
      <alignment horizontal="center" vertical="center"/>
    </xf>
    <xf numFmtId="0" fontId="23" fillId="0" borderId="96" xfId="3" applyFont="1" applyFill="1" applyBorder="1" applyAlignment="1">
      <alignment horizontal="distributed" vertical="center"/>
    </xf>
    <xf numFmtId="0" fontId="23" fillId="0" borderId="97" xfId="3" applyFont="1" applyFill="1" applyBorder="1" applyAlignment="1">
      <alignment horizontal="distributed" vertical="center"/>
    </xf>
    <xf numFmtId="0" fontId="23" fillId="0" borderId="98" xfId="3" applyFont="1" applyFill="1" applyBorder="1" applyAlignment="1">
      <alignment horizontal="distributed" vertical="center"/>
    </xf>
    <xf numFmtId="0" fontId="23" fillId="0" borderId="123" xfId="3" applyFont="1" applyFill="1" applyBorder="1" applyAlignment="1">
      <alignment vertical="center" textRotation="255"/>
    </xf>
    <xf numFmtId="0" fontId="23" fillId="0" borderId="65" xfId="3" applyFont="1" applyFill="1" applyBorder="1" applyAlignment="1">
      <alignment vertical="center" textRotation="255"/>
    </xf>
    <xf numFmtId="0" fontId="16" fillId="0" borderId="17" xfId="3" applyFill="1" applyBorder="1" applyAlignment="1">
      <alignment horizontal="center" vertical="center"/>
    </xf>
    <xf numFmtId="0" fontId="16" fillId="0" borderId="6" xfId="3" applyFill="1" applyBorder="1" applyAlignment="1">
      <alignment horizontal="center" vertical="center"/>
    </xf>
    <xf numFmtId="0" fontId="16" fillId="0" borderId="12" xfId="3" applyFill="1" applyBorder="1" applyAlignment="1">
      <alignment horizontal="center" vertical="center"/>
    </xf>
    <xf numFmtId="0" fontId="16" fillId="0" borderId="7" xfId="3" applyFill="1" applyBorder="1" applyAlignment="1">
      <alignment horizontal="center" vertical="center"/>
    </xf>
    <xf numFmtId="0" fontId="16" fillId="0" borderId="31" xfId="3" applyFill="1" applyBorder="1" applyAlignment="1">
      <alignment horizontal="center" vertical="center"/>
    </xf>
    <xf numFmtId="0" fontId="16" fillId="0" borderId="34" xfId="3" applyFill="1" applyBorder="1" applyAlignment="1">
      <alignment horizontal="center" vertical="center"/>
    </xf>
    <xf numFmtId="0" fontId="16" fillId="0" borderId="5" xfId="3" applyFill="1" applyBorder="1" applyAlignment="1">
      <alignment horizontal="center" vertical="center"/>
    </xf>
    <xf numFmtId="0" fontId="16" fillId="0" borderId="0" xfId="3" applyFill="1" applyBorder="1" applyAlignment="1">
      <alignment horizontal="center" vertical="center"/>
    </xf>
    <xf numFmtId="0" fontId="16" fillId="0" borderId="2" xfId="3" applyFill="1" applyBorder="1" applyAlignment="1">
      <alignment horizontal="center" vertical="center"/>
    </xf>
    <xf numFmtId="0" fontId="23" fillId="0" borderId="17" xfId="3" applyFont="1" applyFill="1" applyBorder="1" applyAlignment="1">
      <alignment vertical="center" textRotation="255"/>
    </xf>
    <xf numFmtId="0" fontId="23" fillId="0" borderId="12" xfId="3" applyFont="1" applyFill="1" applyBorder="1" applyAlignment="1">
      <alignment vertical="center" textRotation="255"/>
    </xf>
    <xf numFmtId="0" fontId="51" fillId="0" borderId="0" xfId="3" applyFont="1" applyAlignment="1">
      <alignment horizontal="center" vertical="center"/>
    </xf>
    <xf numFmtId="0" fontId="9" fillId="0" borderId="113" xfId="3" applyFont="1" applyFill="1" applyBorder="1" applyAlignment="1">
      <alignment horizontal="center" vertical="center"/>
    </xf>
    <xf numFmtId="0" fontId="9" fillId="0" borderId="97" xfId="3" applyFont="1" applyFill="1" applyBorder="1" applyAlignment="1">
      <alignment horizontal="center" vertical="center"/>
    </xf>
    <xf numFmtId="0" fontId="9" fillId="0" borderId="98" xfId="3" applyFont="1" applyFill="1" applyBorder="1" applyAlignment="1">
      <alignment horizontal="center" vertical="center"/>
    </xf>
    <xf numFmtId="0" fontId="9" fillId="0" borderId="13" xfId="3" applyFont="1" applyFill="1" applyBorder="1" applyAlignment="1">
      <alignment horizontal="center" vertical="center"/>
    </xf>
    <xf numFmtId="0" fontId="9" fillId="0" borderId="3" xfId="3" applyFont="1" applyFill="1" applyBorder="1" applyAlignment="1">
      <alignment horizontal="center" vertical="center"/>
    </xf>
    <xf numFmtId="0" fontId="18" fillId="0" borderId="17" xfId="3" applyFont="1" applyFill="1" applyBorder="1" applyAlignment="1">
      <alignment horizontal="center" vertical="center"/>
    </xf>
    <xf numFmtId="0" fontId="18" fillId="0" borderId="15" xfId="3" applyFont="1" applyFill="1" applyBorder="1" applyAlignment="1">
      <alignment horizontal="center" vertical="center"/>
    </xf>
    <xf numFmtId="0" fontId="18" fillId="0" borderId="12" xfId="3" applyFont="1" applyFill="1" applyBorder="1" applyAlignment="1">
      <alignment horizontal="center" vertical="center"/>
    </xf>
    <xf numFmtId="0" fontId="18" fillId="0" borderId="8" xfId="3" applyFont="1" applyFill="1" applyBorder="1" applyAlignment="1">
      <alignment horizontal="center" vertical="center"/>
    </xf>
    <xf numFmtId="0" fontId="9" fillId="0" borderId="5" xfId="3" applyFont="1" applyFill="1" applyBorder="1" applyAlignment="1">
      <alignment vertical="center"/>
    </xf>
    <xf numFmtId="0" fontId="9" fillId="0" borderId="15" xfId="3" applyFont="1" applyFill="1" applyBorder="1" applyAlignment="1">
      <alignment vertical="center"/>
    </xf>
    <xf numFmtId="0" fontId="9" fillId="0" borderId="0" xfId="3" applyFont="1" applyFill="1" applyBorder="1" applyAlignment="1">
      <alignment vertical="center"/>
    </xf>
    <xf numFmtId="0" fontId="9" fillId="0" borderId="8" xfId="3" applyFont="1" applyFill="1" applyBorder="1" applyAlignment="1">
      <alignment vertical="center"/>
    </xf>
    <xf numFmtId="0" fontId="9" fillId="0" borderId="2" xfId="3" applyFont="1" applyFill="1" applyBorder="1" applyAlignment="1">
      <alignment vertical="center"/>
    </xf>
    <xf numFmtId="0" fontId="9" fillId="0" borderId="10" xfId="3" applyFont="1" applyFill="1" applyBorder="1" applyAlignment="1">
      <alignment vertical="center"/>
    </xf>
    <xf numFmtId="0" fontId="16" fillId="0" borderId="25" xfId="3" applyFill="1" applyBorder="1" applyAlignment="1">
      <alignment vertical="center"/>
    </xf>
    <xf numFmtId="0" fontId="16" fillId="0" borderId="42" xfId="3" applyFill="1" applyBorder="1" applyAlignment="1">
      <alignment vertical="center"/>
    </xf>
    <xf numFmtId="0" fontId="16" fillId="0" borderId="118" xfId="3" applyFill="1" applyBorder="1" applyAlignment="1">
      <alignment vertical="center"/>
    </xf>
    <xf numFmtId="0" fontId="16" fillId="0" borderId="21" xfId="3" applyFill="1" applyBorder="1" applyAlignment="1">
      <alignment vertical="center"/>
    </xf>
    <xf numFmtId="0" fontId="16" fillId="0" borderId="39" xfId="3" applyFill="1" applyBorder="1" applyAlignment="1">
      <alignment vertical="center"/>
    </xf>
    <xf numFmtId="0" fontId="16" fillId="0" borderId="119" xfId="3" applyFill="1" applyBorder="1" applyAlignment="1">
      <alignment vertical="center"/>
    </xf>
    <xf numFmtId="0" fontId="18" fillId="0" borderId="13" xfId="3" applyFont="1" applyFill="1" applyBorder="1" applyAlignment="1">
      <alignment horizontal="center" vertical="center" shrinkToFit="1"/>
    </xf>
    <xf numFmtId="0" fontId="0" fillId="0" borderId="2" xfId="0" applyFill="1" applyBorder="1"/>
    <xf numFmtId="0" fontId="16" fillId="0" borderId="36" xfId="3" applyFill="1" applyBorder="1" applyAlignment="1">
      <alignment horizontal="center" vertical="center"/>
    </xf>
    <xf numFmtId="0" fontId="16" fillId="0" borderId="41" xfId="3" applyFill="1" applyBorder="1" applyAlignment="1">
      <alignment horizontal="center" vertical="center"/>
    </xf>
    <xf numFmtId="0" fontId="16" fillId="0" borderId="127" xfId="3" applyFill="1" applyBorder="1" applyAlignment="1">
      <alignment horizontal="center" vertical="center"/>
    </xf>
    <xf numFmtId="0" fontId="16" fillId="0" borderId="15" xfId="3" applyFill="1" applyBorder="1" applyAlignment="1">
      <alignment horizontal="center" vertical="center"/>
    </xf>
    <xf numFmtId="0" fontId="16" fillId="0" borderId="8" xfId="3" applyFill="1" applyBorder="1" applyAlignment="1">
      <alignment horizontal="center" vertical="center"/>
    </xf>
    <xf numFmtId="0" fontId="16" fillId="0" borderId="33" xfId="3" applyFill="1" applyBorder="1" applyAlignment="1">
      <alignment horizontal="center" vertical="center"/>
    </xf>
    <xf numFmtId="0" fontId="16" fillId="0" borderId="125" xfId="3" applyFill="1" applyBorder="1" applyAlignment="1">
      <alignment horizontal="center" vertical="center"/>
    </xf>
    <xf numFmtId="0" fontId="16" fillId="0" borderId="65" xfId="3" applyFill="1" applyBorder="1" applyAlignment="1">
      <alignment horizontal="center" vertical="center"/>
    </xf>
    <xf numFmtId="0" fontId="16" fillId="0" borderId="126" xfId="3" applyFill="1" applyBorder="1" applyAlignment="1">
      <alignment horizontal="center" vertical="center"/>
    </xf>
    <xf numFmtId="0" fontId="16" fillId="0" borderId="15" xfId="3" applyFill="1" applyBorder="1" applyAlignment="1">
      <alignment horizontal="center"/>
    </xf>
    <xf numFmtId="0" fontId="16" fillId="0" borderId="8" xfId="3" applyFill="1" applyBorder="1" applyAlignment="1">
      <alignment horizontal="center"/>
    </xf>
    <xf numFmtId="0" fontId="16" fillId="0" borderId="10" xfId="3" applyFill="1" applyBorder="1" applyAlignment="1">
      <alignment horizontal="center"/>
    </xf>
    <xf numFmtId="0" fontId="16" fillId="0" borderId="25" xfId="3" applyFill="1" applyBorder="1" applyAlignment="1">
      <alignment horizontal="center" vertical="center"/>
    </xf>
    <xf numFmtId="0" fontId="16" fillId="0" borderId="42" xfId="3" applyFill="1" applyBorder="1" applyAlignment="1">
      <alignment horizontal="center" vertical="center"/>
    </xf>
    <xf numFmtId="0" fontId="16" fillId="0" borderId="30" xfId="3" applyFill="1" applyBorder="1" applyAlignment="1">
      <alignment horizontal="center" vertical="center"/>
    </xf>
    <xf numFmtId="0" fontId="9" fillId="0" borderId="17" xfId="3" applyFont="1" applyFill="1" applyBorder="1" applyAlignment="1">
      <alignment vertical="center"/>
    </xf>
    <xf numFmtId="0" fontId="0" fillId="0" borderId="13" xfId="0" applyFill="1" applyBorder="1"/>
    <xf numFmtId="0" fontId="16" fillId="0" borderId="21" xfId="3" applyFill="1" applyBorder="1" applyAlignment="1">
      <alignment horizontal="center" vertical="center"/>
    </xf>
    <xf numFmtId="0" fontId="16" fillId="0" borderId="39" xfId="3" applyFill="1" applyBorder="1" applyAlignment="1">
      <alignment horizontal="center" vertical="center"/>
    </xf>
    <xf numFmtId="0" fontId="16" fillId="0" borderId="29" xfId="3" applyFill="1" applyBorder="1" applyAlignment="1">
      <alignment horizontal="center" vertical="center"/>
    </xf>
    <xf numFmtId="0" fontId="16" fillId="0" borderId="19" xfId="3" applyFill="1" applyBorder="1" applyAlignment="1">
      <alignment horizontal="center" vertical="center"/>
    </xf>
    <xf numFmtId="0" fontId="16" fillId="0" borderId="20" xfId="3" applyFill="1" applyBorder="1" applyAlignment="1">
      <alignment horizontal="center" vertical="center"/>
    </xf>
    <xf numFmtId="0" fontId="16" fillId="0" borderId="129" xfId="3" applyFill="1" applyBorder="1" applyAlignment="1">
      <alignment horizontal="center" vertical="center"/>
    </xf>
    <xf numFmtId="0" fontId="18" fillId="0" borderId="5" xfId="3" applyFont="1" applyFill="1" applyBorder="1" applyAlignment="1">
      <alignment horizontal="center" vertical="center"/>
    </xf>
    <xf numFmtId="0" fontId="18" fillId="0" borderId="0" xfId="3" applyFont="1" applyFill="1" applyBorder="1" applyAlignment="1">
      <alignment horizontal="center" vertical="center"/>
    </xf>
    <xf numFmtId="0" fontId="18" fillId="0" borderId="13" xfId="3" applyFont="1" applyFill="1" applyBorder="1" applyAlignment="1">
      <alignment horizontal="center" vertical="center"/>
    </xf>
    <xf numFmtId="0" fontId="18" fillId="0" borderId="2" xfId="3" applyFont="1" applyFill="1" applyBorder="1" applyAlignment="1">
      <alignment horizontal="center" vertical="center"/>
    </xf>
    <xf numFmtId="0" fontId="18" fillId="0" borderId="10" xfId="3" applyFont="1" applyFill="1" applyBorder="1" applyAlignment="1">
      <alignment horizontal="center" vertical="center"/>
    </xf>
    <xf numFmtId="0" fontId="16" fillId="0" borderId="14" xfId="3" applyFill="1" applyBorder="1" applyAlignment="1">
      <alignment horizontal="center" vertical="center"/>
    </xf>
    <xf numFmtId="0" fontId="16" fillId="0" borderId="4" xfId="3" applyFill="1" applyBorder="1" applyAlignment="1">
      <alignment horizontal="center" vertical="center"/>
    </xf>
    <xf numFmtId="0" fontId="16" fillId="0" borderId="66" xfId="3" applyFill="1" applyBorder="1" applyAlignment="1">
      <alignment horizontal="center" vertical="center"/>
    </xf>
    <xf numFmtId="0" fontId="16" fillId="0" borderId="119" xfId="3" applyFill="1" applyBorder="1" applyAlignment="1">
      <alignment horizontal="center" vertical="center"/>
    </xf>
    <xf numFmtId="0" fontId="16" fillId="0" borderId="118" xfId="3" applyFill="1" applyBorder="1" applyAlignment="1">
      <alignment horizontal="center" vertical="center"/>
    </xf>
    <xf numFmtId="0" fontId="16" fillId="0" borderId="47" xfId="3" applyFill="1" applyBorder="1" applyAlignment="1">
      <alignment horizontal="center" vertical="center"/>
    </xf>
    <xf numFmtId="0" fontId="16" fillId="0" borderId="40" xfId="3" applyFill="1" applyBorder="1" applyAlignment="1">
      <alignment horizontal="center" vertical="center"/>
    </xf>
    <xf numFmtId="0" fontId="16" fillId="0" borderId="122" xfId="3" applyFill="1" applyBorder="1" applyAlignment="1">
      <alignment horizontal="center" vertical="center"/>
    </xf>
    <xf numFmtId="0" fontId="16" fillId="0" borderId="26" xfId="3" applyFill="1" applyBorder="1" applyAlignment="1">
      <alignment horizontal="center" vertical="center"/>
    </xf>
    <xf numFmtId="0" fontId="16" fillId="0" borderId="43" xfId="3" applyFill="1" applyBorder="1" applyAlignment="1">
      <alignment horizontal="center" vertical="center"/>
    </xf>
    <xf numFmtId="0" fontId="16" fillId="0" borderId="32" xfId="3" applyFill="1" applyBorder="1" applyAlignment="1">
      <alignment horizontal="center" vertical="center"/>
    </xf>
  </cellXfs>
  <cellStyles count="4">
    <cellStyle name="標準" xfId="0" builtinId="0"/>
    <cellStyle name="標準 2" xfId="1" xr:uid="{00000000-0005-0000-0000-000002000000}"/>
    <cellStyle name="標準_H19（その1）" xfId="2" xr:uid="{00000000-0005-0000-0000-000003000000}"/>
    <cellStyle name="標準_新規教職員名簿" xfId="3"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xdr:col>
      <xdr:colOff>66261</xdr:colOff>
      <xdr:row>24</xdr:row>
      <xdr:rowOff>74544</xdr:rowOff>
    </xdr:from>
    <xdr:to>
      <xdr:col>3</xdr:col>
      <xdr:colOff>57464</xdr:colOff>
      <xdr:row>25</xdr:row>
      <xdr:rowOff>114162</xdr:rowOff>
    </xdr:to>
    <xdr:sp macro="" textlink="">
      <xdr:nvSpPr>
        <xdr:cNvPr id="2" name="大かっこ 1">
          <a:extLst>
            <a:ext uri="{FF2B5EF4-FFF2-40B4-BE49-F238E27FC236}">
              <a16:creationId xmlns:a16="http://schemas.microsoft.com/office/drawing/2014/main" id="{00000000-0008-0000-0000-000002000000}"/>
            </a:ext>
          </a:extLst>
        </xdr:cNvPr>
        <xdr:cNvSpPr/>
      </xdr:nvSpPr>
      <xdr:spPr>
        <a:xfrm>
          <a:off x="2294283" y="5425109"/>
          <a:ext cx="819978" cy="215348"/>
        </a:xfrm>
        <a:prstGeom prst="bracketPair">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15240</xdr:colOff>
      <xdr:row>22</xdr:row>
      <xdr:rowOff>60960</xdr:rowOff>
    </xdr:from>
    <xdr:to>
      <xdr:col>31</xdr:col>
      <xdr:colOff>53340</xdr:colOff>
      <xdr:row>24</xdr:row>
      <xdr:rowOff>175260</xdr:rowOff>
    </xdr:to>
    <xdr:sp macro="" textlink="">
      <xdr:nvSpPr>
        <xdr:cNvPr id="10047" name="AutoShape 5">
          <a:extLst>
            <a:ext uri="{FF2B5EF4-FFF2-40B4-BE49-F238E27FC236}">
              <a16:creationId xmlns:a16="http://schemas.microsoft.com/office/drawing/2014/main" id="{00000000-0008-0000-0200-00003F270000}"/>
            </a:ext>
          </a:extLst>
        </xdr:cNvPr>
        <xdr:cNvSpPr>
          <a:spLocks noChangeArrowheads="1"/>
        </xdr:cNvSpPr>
      </xdr:nvSpPr>
      <xdr:spPr bwMode="auto">
        <a:xfrm>
          <a:off x="464820" y="4914900"/>
          <a:ext cx="6080760" cy="61722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2</xdr:col>
      <xdr:colOff>83820</xdr:colOff>
      <xdr:row>17</xdr:row>
      <xdr:rowOff>7620</xdr:rowOff>
    </xdr:from>
    <xdr:to>
      <xdr:col>33</xdr:col>
      <xdr:colOff>96883</xdr:colOff>
      <xdr:row>20</xdr:row>
      <xdr:rowOff>248194</xdr:rowOff>
    </xdr:to>
    <xdr:sp macro="" textlink="">
      <xdr:nvSpPr>
        <xdr:cNvPr id="12" name="AutoShape 8">
          <a:extLst>
            <a:ext uri="{FF2B5EF4-FFF2-40B4-BE49-F238E27FC236}">
              <a16:creationId xmlns:a16="http://schemas.microsoft.com/office/drawing/2014/main" id="{00000000-0008-0000-0200-00000C000000}"/>
            </a:ext>
          </a:extLst>
        </xdr:cNvPr>
        <xdr:cNvSpPr>
          <a:spLocks/>
        </xdr:cNvSpPr>
      </xdr:nvSpPr>
      <xdr:spPr bwMode="auto">
        <a:xfrm>
          <a:off x="6774180" y="3855720"/>
          <a:ext cx="211183" cy="994954"/>
        </a:xfrm>
        <a:prstGeom prst="rightBrace">
          <a:avLst>
            <a:gd name="adj1" fmla="val 908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471053</xdr:colOff>
      <xdr:row>11</xdr:row>
      <xdr:rowOff>221676</xdr:rowOff>
    </xdr:from>
    <xdr:to>
      <xdr:col>18</xdr:col>
      <xdr:colOff>720436</xdr:colOff>
      <xdr:row>19</xdr:row>
      <xdr:rowOff>110837</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2299853" y="4641276"/>
          <a:ext cx="13314219" cy="3879270"/>
        </a:xfrm>
        <a:prstGeom prst="rect">
          <a:avLst/>
        </a:prstGeom>
        <a:solidFill>
          <a:schemeClr val="bg1">
            <a:lumMod val="9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7200">
              <a:solidFill>
                <a:sysClr val="windowText" lastClr="000000"/>
              </a:solidFill>
            </a:rPr>
            <a:t>認定こども園については</a:t>
          </a:r>
        </a:p>
        <a:p>
          <a:pPr algn="ctr"/>
          <a:r>
            <a:rPr kumimoji="1" lang="ja-JP" altLang="en-US" sz="7200">
              <a:solidFill>
                <a:sysClr val="windowText" lastClr="000000"/>
              </a:solidFill>
            </a:rPr>
            <a:t>本調査票は回答不要です</a:t>
          </a:r>
          <a:r>
            <a:rPr kumimoji="1" lang="ja-JP" altLang="en-US" sz="1100"/>
            <a:t>。</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1</xdr:col>
      <xdr:colOff>0</xdr:colOff>
      <xdr:row>29</xdr:row>
      <xdr:rowOff>59635</xdr:rowOff>
    </xdr:from>
    <xdr:to>
      <xdr:col>78</xdr:col>
      <xdr:colOff>106017</xdr:colOff>
      <xdr:row>29</xdr:row>
      <xdr:rowOff>70827</xdr:rowOff>
    </xdr:to>
    <xdr:cxnSp macro="">
      <xdr:nvCxnSpPr>
        <xdr:cNvPr id="2" name="直線コネクタ 1">
          <a:extLst>
            <a:ext uri="{FF2B5EF4-FFF2-40B4-BE49-F238E27FC236}">
              <a16:creationId xmlns:a16="http://schemas.microsoft.com/office/drawing/2014/main" id="{00000000-0008-0000-0700-000002000000}"/>
            </a:ext>
          </a:extLst>
        </xdr:cNvPr>
        <xdr:cNvCxnSpPr/>
      </xdr:nvCxnSpPr>
      <xdr:spPr>
        <a:xfrm flipV="1">
          <a:off x="4591878" y="2829339"/>
          <a:ext cx="6645965" cy="11192"/>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0</xdr:colOff>
      <xdr:row>49</xdr:row>
      <xdr:rowOff>53009</xdr:rowOff>
    </xdr:from>
    <xdr:to>
      <xdr:col>78</xdr:col>
      <xdr:colOff>86139</xdr:colOff>
      <xdr:row>49</xdr:row>
      <xdr:rowOff>73042</xdr:rowOff>
    </xdr:to>
    <xdr:cxnSp macro="">
      <xdr:nvCxnSpPr>
        <xdr:cNvPr id="3" name="直線コネクタ 2">
          <a:extLst>
            <a:ext uri="{FF2B5EF4-FFF2-40B4-BE49-F238E27FC236}">
              <a16:creationId xmlns:a16="http://schemas.microsoft.com/office/drawing/2014/main" id="{00000000-0008-0000-0700-000003000000}"/>
            </a:ext>
          </a:extLst>
        </xdr:cNvPr>
        <xdr:cNvCxnSpPr/>
      </xdr:nvCxnSpPr>
      <xdr:spPr>
        <a:xfrm flipV="1">
          <a:off x="4591878" y="4691270"/>
          <a:ext cx="6626087" cy="20033"/>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977</xdr:colOff>
      <xdr:row>69</xdr:row>
      <xdr:rowOff>72887</xdr:rowOff>
    </xdr:from>
    <xdr:to>
      <xdr:col>78</xdr:col>
      <xdr:colOff>72887</xdr:colOff>
      <xdr:row>69</xdr:row>
      <xdr:rowOff>76884</xdr:rowOff>
    </xdr:to>
    <xdr:cxnSp macro="">
      <xdr:nvCxnSpPr>
        <xdr:cNvPr id="4" name="直線コネクタ 3">
          <a:extLst>
            <a:ext uri="{FF2B5EF4-FFF2-40B4-BE49-F238E27FC236}">
              <a16:creationId xmlns:a16="http://schemas.microsoft.com/office/drawing/2014/main" id="{00000000-0008-0000-0700-000004000000}"/>
            </a:ext>
          </a:extLst>
        </xdr:cNvPr>
        <xdr:cNvCxnSpPr/>
      </xdr:nvCxnSpPr>
      <xdr:spPr>
        <a:xfrm flipV="1">
          <a:off x="4592855" y="6579704"/>
          <a:ext cx="6611858" cy="3997"/>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26504</xdr:colOff>
      <xdr:row>89</xdr:row>
      <xdr:rowOff>46383</xdr:rowOff>
    </xdr:from>
    <xdr:to>
      <xdr:col>78</xdr:col>
      <xdr:colOff>92765</xdr:colOff>
      <xdr:row>89</xdr:row>
      <xdr:rowOff>69245</xdr:rowOff>
    </xdr:to>
    <xdr:cxnSp macro="">
      <xdr:nvCxnSpPr>
        <xdr:cNvPr id="5" name="直線コネクタ 4">
          <a:extLst>
            <a:ext uri="{FF2B5EF4-FFF2-40B4-BE49-F238E27FC236}">
              <a16:creationId xmlns:a16="http://schemas.microsoft.com/office/drawing/2014/main" id="{00000000-0008-0000-0700-000005000000}"/>
            </a:ext>
          </a:extLst>
        </xdr:cNvPr>
        <xdr:cNvCxnSpPr/>
      </xdr:nvCxnSpPr>
      <xdr:spPr>
        <a:xfrm flipV="1">
          <a:off x="4618382" y="8421757"/>
          <a:ext cx="6606209" cy="22862"/>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203\14_&#21161;&#25104;G&#65288;&#21161;&#25104;&#25285;&#24403;&#65289;\04%20&#21161;&#25104;&#65288;&#20849;&#36890;&#65289;\11%20&#29694;&#27841;&#35519;&#26619;\&#65330;&#65301;&#29694;&#27841;&#35519;&#26619;\&#24188;&#31258;&#22290;\&#35519;&#26619;&#31080;&#27096;&#24335;&#31561;\&#23455;&#24907;&#35519;&#26619;\&#2669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印刷シート＜昨年度＞"/>
      <sheetName val="現況調査票（その３）&lt;昨年度＞"/>
      <sheetName val="現況調査票（その３①）"/>
      <sheetName val="現況調査票（その３②）"/>
      <sheetName val="現況調査票（その３）両面"/>
      <sheetName val="現況調査票（その３）両面 (横)"/>
      <sheetName val="現況調査票（その３②） (2)"/>
    </sheetNames>
    <sheetDataSet>
      <sheetData sheetId="0"/>
      <sheetData sheetId="1"/>
      <sheetData sheetId="2"/>
      <sheetData sheetId="3"/>
      <sheetData sheetId="4"/>
      <sheetData sheetId="5"/>
      <sheetData sheetId="6"/>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2:Q30"/>
  <sheetViews>
    <sheetView showGridLines="0" tabSelected="1" view="pageBreakPreview" zoomScale="115" zoomScaleNormal="100" zoomScaleSheetLayoutView="115" workbookViewId="0">
      <selection activeCell="K20" sqref="K20:N21"/>
    </sheetView>
  </sheetViews>
  <sheetFormatPr defaultColWidth="8.88671875" defaultRowHeight="13.2" x14ac:dyDescent="0.2"/>
  <cols>
    <col min="1" max="1" width="29.21875" style="180" customWidth="1"/>
    <col min="2" max="2" width="1.77734375" style="180" customWidth="1"/>
    <col min="3" max="3" width="8.88671875" style="180"/>
    <col min="4" max="4" width="1.77734375" style="180" customWidth="1"/>
    <col min="5" max="5" width="35.77734375" style="180" customWidth="1"/>
    <col min="6" max="6" width="9" style="180" customWidth="1"/>
    <col min="7" max="7" width="15" style="180" customWidth="1"/>
    <col min="8" max="8" width="4" style="180" customWidth="1"/>
    <col min="9" max="9" width="2.44140625" style="180" customWidth="1"/>
    <col min="10" max="10" width="2.77734375" style="180" customWidth="1"/>
    <col min="11" max="11" width="10" style="180" customWidth="1"/>
    <col min="12" max="14" width="4.88671875" style="180" customWidth="1"/>
    <col min="15" max="15" width="4.109375" style="180" customWidth="1"/>
    <col min="16" max="16" width="8.44140625" style="180" customWidth="1"/>
    <col min="17" max="16384" width="8.88671875" style="180"/>
  </cols>
  <sheetData>
    <row r="2" spans="1:15" ht="18" customHeight="1" x14ac:dyDescent="0.2">
      <c r="A2" s="407" t="s">
        <v>221</v>
      </c>
      <c r="B2" s="408"/>
      <c r="C2" s="408"/>
      <c r="D2" s="408"/>
      <c r="E2" s="406" t="s">
        <v>222</v>
      </c>
      <c r="F2" s="406"/>
      <c r="G2" s="290"/>
      <c r="H2" s="290"/>
      <c r="I2" s="181"/>
      <c r="J2" s="181"/>
      <c r="K2" s="181"/>
      <c r="L2" s="181"/>
      <c r="M2" s="181"/>
      <c r="N2" s="418" t="s">
        <v>0</v>
      </c>
      <c r="O2" s="419"/>
    </row>
    <row r="3" spans="1:15" ht="21" customHeight="1" x14ac:dyDescent="0.2">
      <c r="A3" s="408"/>
      <c r="B3" s="408"/>
      <c r="C3" s="408"/>
      <c r="D3" s="408"/>
      <c r="E3" s="182"/>
      <c r="F3" s="182"/>
      <c r="G3" s="182"/>
      <c r="H3" s="182"/>
      <c r="I3" s="182"/>
      <c r="J3" s="182"/>
      <c r="K3" s="182"/>
      <c r="L3" s="182"/>
      <c r="M3" s="182"/>
      <c r="N3" s="420" t="s">
        <v>1</v>
      </c>
      <c r="O3" s="421"/>
    </row>
    <row r="4" spans="1:15" ht="18" customHeight="1" x14ac:dyDescent="0.25">
      <c r="B4" s="422" t="s">
        <v>2</v>
      </c>
      <c r="C4" s="422"/>
      <c r="D4" s="422"/>
      <c r="E4" s="422"/>
      <c r="F4" s="422"/>
      <c r="G4" s="422"/>
      <c r="H4" s="422"/>
      <c r="I4" s="183"/>
      <c r="J4" s="183"/>
      <c r="K4" s="183"/>
      <c r="L4" s="183"/>
      <c r="M4" s="183"/>
      <c r="N4" s="183"/>
      <c r="O4" s="183"/>
    </row>
    <row r="5" spans="1:15" ht="15" customHeight="1" x14ac:dyDescent="0.2">
      <c r="B5" s="184"/>
      <c r="C5" s="184"/>
      <c r="D5" s="184"/>
      <c r="E5" s="184"/>
      <c r="F5" s="184"/>
      <c r="G5" s="184"/>
      <c r="H5" s="184"/>
      <c r="I5" s="183"/>
      <c r="J5" s="183"/>
      <c r="K5" s="183"/>
      <c r="L5" s="183"/>
      <c r="M5" s="183"/>
      <c r="N5" s="423"/>
      <c r="O5" s="423"/>
    </row>
    <row r="6" spans="1:15" x14ac:dyDescent="0.2">
      <c r="B6" s="424" t="s">
        <v>223</v>
      </c>
      <c r="C6" s="424"/>
      <c r="D6" s="424"/>
      <c r="E6" s="424"/>
      <c r="F6" s="424"/>
      <c r="G6" s="424"/>
      <c r="H6" s="424"/>
      <c r="I6" s="181"/>
      <c r="J6" s="181"/>
      <c r="K6" s="181"/>
      <c r="L6" s="181"/>
      <c r="M6" s="181"/>
      <c r="N6" s="415"/>
      <c r="O6" s="415"/>
    </row>
    <row r="7" spans="1:15" ht="7.5" customHeight="1" thickBot="1" x14ac:dyDescent="0.25">
      <c r="B7" s="185" t="s">
        <v>3</v>
      </c>
      <c r="C7" s="185"/>
      <c r="D7" s="185"/>
      <c r="E7" s="185"/>
      <c r="F7" s="185"/>
      <c r="G7" s="185"/>
      <c r="H7" s="185"/>
      <c r="I7" s="185"/>
      <c r="J7" s="185"/>
      <c r="K7" s="185"/>
      <c r="L7" s="185"/>
      <c r="M7" s="185"/>
      <c r="N7" s="415"/>
      <c r="O7" s="415"/>
    </row>
    <row r="8" spans="1:15" ht="16.5" customHeight="1" thickBot="1" x14ac:dyDescent="0.25">
      <c r="B8" s="425" t="s">
        <v>4</v>
      </c>
      <c r="C8" s="426"/>
      <c r="D8" s="427"/>
      <c r="E8" s="437"/>
      <c r="F8" s="438"/>
      <c r="G8" s="438"/>
      <c r="H8" s="439"/>
      <c r="I8" s="186"/>
      <c r="J8" s="186"/>
      <c r="K8" s="186"/>
      <c r="L8" s="428" t="s">
        <v>154</v>
      </c>
      <c r="M8" s="429"/>
      <c r="N8" s="429"/>
      <c r="O8" s="430"/>
    </row>
    <row r="9" spans="1:15" ht="20.100000000000001" customHeight="1" x14ac:dyDescent="0.2">
      <c r="B9" s="409" t="s">
        <v>151</v>
      </c>
      <c r="C9" s="410"/>
      <c r="D9" s="411"/>
      <c r="E9" s="431"/>
      <c r="F9" s="432"/>
      <c r="G9" s="432"/>
      <c r="H9" s="433"/>
      <c r="I9" s="186"/>
      <c r="K9" s="187" t="s">
        <v>3</v>
      </c>
      <c r="L9" s="416" t="s">
        <v>155</v>
      </c>
      <c r="M9" s="417"/>
      <c r="N9" s="442" t="s">
        <v>156</v>
      </c>
      <c r="O9" s="443"/>
    </row>
    <row r="10" spans="1:15" ht="20.100000000000001" customHeight="1" thickBot="1" x14ac:dyDescent="0.25">
      <c r="B10" s="412"/>
      <c r="C10" s="413"/>
      <c r="D10" s="414"/>
      <c r="E10" s="434"/>
      <c r="F10" s="435"/>
      <c r="G10" s="435"/>
      <c r="H10" s="436"/>
      <c r="I10" s="188" t="s">
        <v>3</v>
      </c>
      <c r="J10" s="189"/>
      <c r="K10" s="190"/>
      <c r="L10" s="444"/>
      <c r="M10" s="445"/>
      <c r="N10" s="446"/>
      <c r="O10" s="447"/>
    </row>
    <row r="11" spans="1:15" ht="22.5" customHeight="1" thickBot="1" x14ac:dyDescent="0.25">
      <c r="B11" s="482" t="s">
        <v>5</v>
      </c>
      <c r="C11" s="483"/>
      <c r="D11" s="484"/>
      <c r="E11" s="496"/>
      <c r="F11" s="191"/>
      <c r="G11" s="191"/>
      <c r="H11" s="192"/>
      <c r="I11" s="186"/>
      <c r="J11" s="186"/>
      <c r="K11" s="186"/>
      <c r="L11" s="193"/>
      <c r="M11" s="193"/>
      <c r="N11" s="193"/>
      <c r="O11" s="193"/>
    </row>
    <row r="12" spans="1:15" ht="13.8" thickBot="1" x14ac:dyDescent="0.25">
      <c r="B12" s="472"/>
      <c r="C12" s="473"/>
      <c r="D12" s="474"/>
      <c r="E12" s="489"/>
      <c r="F12" s="194" t="s">
        <v>6</v>
      </c>
      <c r="G12" s="195"/>
      <c r="H12" s="196" t="s">
        <v>3</v>
      </c>
      <c r="I12" s="186"/>
      <c r="J12" s="186"/>
      <c r="K12" s="196"/>
      <c r="L12" s="428" t="s">
        <v>231</v>
      </c>
      <c r="M12" s="429"/>
      <c r="N12" s="429"/>
      <c r="O12" s="430"/>
    </row>
    <row r="13" spans="1:15" x14ac:dyDescent="0.2">
      <c r="B13" s="472"/>
      <c r="C13" s="473"/>
      <c r="D13" s="474"/>
      <c r="E13" s="489"/>
      <c r="F13" s="194" t="s">
        <v>7</v>
      </c>
      <c r="G13" s="197"/>
      <c r="H13" s="196" t="s">
        <v>3</v>
      </c>
      <c r="I13" s="186"/>
      <c r="J13" s="186"/>
      <c r="K13" s="196"/>
      <c r="L13" s="455" t="s">
        <v>157</v>
      </c>
      <c r="M13" s="456"/>
      <c r="N13" s="485" t="s">
        <v>158</v>
      </c>
      <c r="O13" s="486"/>
    </row>
    <row r="14" spans="1:15" x14ac:dyDescent="0.2">
      <c r="B14" s="469"/>
      <c r="C14" s="470"/>
      <c r="D14" s="471"/>
      <c r="E14" s="491"/>
      <c r="F14" s="198" t="s">
        <v>8</v>
      </c>
      <c r="G14" s="199"/>
      <c r="H14" s="200" t="s">
        <v>3</v>
      </c>
      <c r="I14" s="186"/>
      <c r="J14" s="186"/>
      <c r="K14" s="196"/>
      <c r="L14" s="507"/>
      <c r="M14" s="508"/>
      <c r="N14" s="511"/>
      <c r="O14" s="512"/>
    </row>
    <row r="15" spans="1:15" ht="16.5" customHeight="1" thickBot="1" x14ac:dyDescent="0.25">
      <c r="B15" s="466" t="s">
        <v>4</v>
      </c>
      <c r="C15" s="448"/>
      <c r="D15" s="467"/>
      <c r="E15" s="497"/>
      <c r="F15" s="498"/>
      <c r="G15" s="186"/>
      <c r="H15" s="196" t="s">
        <v>3</v>
      </c>
      <c r="I15" s="451"/>
      <c r="J15" s="452"/>
      <c r="K15" s="196"/>
      <c r="L15" s="509"/>
      <c r="M15" s="510"/>
      <c r="N15" s="513"/>
      <c r="O15" s="514"/>
    </row>
    <row r="16" spans="1:15" ht="20.25" customHeight="1" x14ac:dyDescent="0.2">
      <c r="B16" s="468" t="s">
        <v>9</v>
      </c>
      <c r="C16" s="410"/>
      <c r="D16" s="411"/>
      <c r="E16" s="499"/>
      <c r="F16" s="500"/>
      <c r="G16" s="201"/>
      <c r="H16" s="493"/>
      <c r="I16" s="453"/>
      <c r="J16" s="454"/>
      <c r="K16" s="194"/>
      <c r="L16" s="194"/>
      <c r="M16" s="194"/>
      <c r="N16" s="186"/>
      <c r="O16" s="186"/>
    </row>
    <row r="17" spans="2:17" ht="18.75" customHeight="1" x14ac:dyDescent="0.2">
      <c r="B17" s="469"/>
      <c r="C17" s="470"/>
      <c r="D17" s="471"/>
      <c r="E17" s="501"/>
      <c r="F17" s="502"/>
      <c r="G17" s="202"/>
      <c r="H17" s="495"/>
      <c r="I17" s="203"/>
      <c r="J17" s="186"/>
      <c r="K17" s="189"/>
      <c r="L17" s="189"/>
      <c r="M17" s="189"/>
      <c r="N17" s="189"/>
      <c r="P17" s="204"/>
    </row>
    <row r="18" spans="2:17" ht="27" customHeight="1" x14ac:dyDescent="0.2">
      <c r="B18" s="460" t="s">
        <v>10</v>
      </c>
      <c r="C18" s="461"/>
      <c r="D18" s="462"/>
      <c r="E18" s="496"/>
      <c r="F18" s="191"/>
      <c r="G18" s="191"/>
      <c r="H18" s="192" t="s">
        <v>3</v>
      </c>
      <c r="I18" s="203"/>
      <c r="J18" s="186"/>
      <c r="K18" s="205"/>
      <c r="L18" s="194"/>
      <c r="M18" s="194"/>
      <c r="N18" s="194"/>
      <c r="O18" s="206"/>
      <c r="P18" s="204"/>
      <c r="Q18" s="180" t="s">
        <v>3</v>
      </c>
    </row>
    <row r="19" spans="2:17" x14ac:dyDescent="0.2">
      <c r="B19" s="207"/>
      <c r="C19" s="208" t="s">
        <v>11</v>
      </c>
      <c r="D19" s="209"/>
      <c r="E19" s="489"/>
      <c r="F19" s="194" t="s">
        <v>6</v>
      </c>
      <c r="G19" s="186"/>
      <c r="H19" s="196" t="s">
        <v>3</v>
      </c>
      <c r="I19" s="203"/>
      <c r="J19" s="186"/>
      <c r="K19" s="210"/>
      <c r="L19" s="210"/>
      <c r="M19" s="210"/>
      <c r="N19" s="210"/>
      <c r="O19" s="211"/>
      <c r="P19" s="204"/>
    </row>
    <row r="20" spans="2:17" x14ac:dyDescent="0.2">
      <c r="B20" s="463" t="s">
        <v>12</v>
      </c>
      <c r="C20" s="464"/>
      <c r="D20" s="465"/>
      <c r="E20" s="489"/>
      <c r="F20" s="194" t="s">
        <v>7</v>
      </c>
      <c r="G20" s="186"/>
      <c r="H20" s="196" t="s">
        <v>3</v>
      </c>
      <c r="I20" s="203"/>
      <c r="J20" s="186"/>
      <c r="K20" s="505"/>
      <c r="L20" s="506"/>
      <c r="M20" s="506"/>
      <c r="N20" s="506"/>
      <c r="O20" s="206"/>
      <c r="P20" s="204"/>
    </row>
    <row r="21" spans="2:17" x14ac:dyDescent="0.2">
      <c r="B21" s="212"/>
      <c r="C21" s="213" t="s">
        <v>3</v>
      </c>
      <c r="D21" s="214"/>
      <c r="E21" s="491"/>
      <c r="F21" s="198" t="s">
        <v>8</v>
      </c>
      <c r="G21" s="202"/>
      <c r="H21" s="200" t="s">
        <v>3</v>
      </c>
      <c r="I21" s="203"/>
      <c r="J21" s="186"/>
      <c r="K21" s="506"/>
      <c r="L21" s="506"/>
      <c r="M21" s="506"/>
      <c r="N21" s="506"/>
      <c r="O21" s="215"/>
    </row>
    <row r="22" spans="2:17" ht="30.75" customHeight="1" x14ac:dyDescent="0.2">
      <c r="B22" s="477" t="s">
        <v>141</v>
      </c>
      <c r="C22" s="478"/>
      <c r="D22" s="479"/>
      <c r="E22" s="216" t="s">
        <v>140</v>
      </c>
      <c r="F22" s="217"/>
      <c r="G22" s="218"/>
      <c r="H22" s="219"/>
      <c r="I22" s="451"/>
      <c r="J22" s="452"/>
      <c r="K22" s="515"/>
      <c r="L22" s="516"/>
      <c r="M22" s="516"/>
      <c r="N22" s="516"/>
      <c r="O22" s="215"/>
    </row>
    <row r="23" spans="2:17" ht="16.5" customHeight="1" x14ac:dyDescent="0.2">
      <c r="B23" s="466" t="s">
        <v>4</v>
      </c>
      <c r="C23" s="448"/>
      <c r="D23" s="467"/>
      <c r="E23" s="503"/>
      <c r="F23" s="504"/>
      <c r="G23" s="186"/>
      <c r="H23" s="196"/>
      <c r="I23" s="453"/>
      <c r="J23" s="454"/>
      <c r="K23" s="189"/>
      <c r="L23" s="189"/>
      <c r="M23" s="189"/>
      <c r="N23" s="189"/>
      <c r="O23" s="215"/>
    </row>
    <row r="24" spans="2:17" ht="18" customHeight="1" x14ac:dyDescent="0.2">
      <c r="B24" s="468" t="s">
        <v>13</v>
      </c>
      <c r="C24" s="410"/>
      <c r="D24" s="411"/>
      <c r="E24" s="487"/>
      <c r="F24" s="488"/>
      <c r="G24" s="201"/>
      <c r="H24" s="493"/>
      <c r="I24" s="449"/>
      <c r="J24" s="450"/>
      <c r="K24" s="448"/>
      <c r="L24" s="448"/>
      <c r="M24" s="448"/>
      <c r="N24" s="448"/>
      <c r="O24" s="186"/>
    </row>
    <row r="25" spans="2:17" s="179" customFormat="1" ht="18" customHeight="1" x14ac:dyDescent="0.2">
      <c r="B25" s="480"/>
      <c r="C25" s="220" t="s">
        <v>14</v>
      </c>
      <c r="D25" s="475"/>
      <c r="E25" s="489"/>
      <c r="F25" s="490"/>
      <c r="G25" s="221"/>
      <c r="H25" s="494"/>
      <c r="I25" s="449"/>
      <c r="J25" s="450"/>
      <c r="K25" s="448"/>
      <c r="L25" s="448"/>
      <c r="M25" s="448"/>
      <c r="N25" s="448"/>
      <c r="O25" s="221"/>
    </row>
    <row r="26" spans="2:17" ht="18" customHeight="1" x14ac:dyDescent="0.2">
      <c r="B26" s="481"/>
      <c r="C26" s="222" t="s">
        <v>15</v>
      </c>
      <c r="D26" s="476"/>
      <c r="E26" s="491"/>
      <c r="F26" s="492"/>
      <c r="G26" s="223"/>
      <c r="H26" s="495"/>
      <c r="I26" s="449"/>
      <c r="J26" s="450"/>
      <c r="K26" s="448"/>
      <c r="L26" s="448"/>
      <c r="M26" s="448"/>
      <c r="N26" s="448"/>
      <c r="O26" s="224"/>
    </row>
    <row r="27" spans="2:17" ht="27" customHeight="1" x14ac:dyDescent="0.2">
      <c r="B27" s="472" t="s">
        <v>16</v>
      </c>
      <c r="C27" s="473"/>
      <c r="D27" s="474"/>
      <c r="E27" s="404"/>
      <c r="F27" s="325" t="s">
        <v>7</v>
      </c>
      <c r="G27" s="326"/>
      <c r="H27" s="440"/>
      <c r="I27" s="225"/>
      <c r="J27" s="224"/>
      <c r="K27" s="205"/>
      <c r="L27" s="194"/>
      <c r="M27" s="194"/>
      <c r="N27" s="194"/>
      <c r="O27" s="206"/>
    </row>
    <row r="28" spans="2:17" ht="15.75" customHeight="1" thickBot="1" x14ac:dyDescent="0.25">
      <c r="B28" s="457" t="s">
        <v>17</v>
      </c>
      <c r="C28" s="458"/>
      <c r="D28" s="459"/>
      <c r="E28" s="405"/>
      <c r="F28" s="327" t="s">
        <v>8</v>
      </c>
      <c r="G28" s="328"/>
      <c r="H28" s="441"/>
      <c r="I28" s="225"/>
      <c r="J28" s="224"/>
      <c r="K28" s="210"/>
      <c r="L28" s="210"/>
      <c r="M28" s="210"/>
      <c r="N28" s="210"/>
      <c r="O28" s="211"/>
    </row>
    <row r="29" spans="2:17" ht="6" customHeight="1" x14ac:dyDescent="0.2"/>
    <row r="30" spans="2:17" ht="21" customHeight="1" x14ac:dyDescent="0.2">
      <c r="C30" s="226" t="s">
        <v>18</v>
      </c>
    </row>
  </sheetData>
  <mergeCells count="53">
    <mergeCell ref="B11:D14"/>
    <mergeCell ref="N13:O13"/>
    <mergeCell ref="E24:F26"/>
    <mergeCell ref="H24:H26"/>
    <mergeCell ref="E11:E14"/>
    <mergeCell ref="E18:E21"/>
    <mergeCell ref="E15:F15"/>
    <mergeCell ref="E16:F17"/>
    <mergeCell ref="K24:N24"/>
    <mergeCell ref="E23:F23"/>
    <mergeCell ref="K20:N21"/>
    <mergeCell ref="L14:M15"/>
    <mergeCell ref="N14:O15"/>
    <mergeCell ref="K22:N22"/>
    <mergeCell ref="I15:J16"/>
    <mergeCell ref="H16:H17"/>
    <mergeCell ref="B28:D28"/>
    <mergeCell ref="B18:D18"/>
    <mergeCell ref="B20:D20"/>
    <mergeCell ref="B15:D15"/>
    <mergeCell ref="B16:D17"/>
    <mergeCell ref="B27:D27"/>
    <mergeCell ref="B23:D23"/>
    <mergeCell ref="D25:D26"/>
    <mergeCell ref="B24:D24"/>
    <mergeCell ref="B22:D22"/>
    <mergeCell ref="B25:B26"/>
    <mergeCell ref="H27:H28"/>
    <mergeCell ref="N9:O9"/>
    <mergeCell ref="L10:M10"/>
    <mergeCell ref="N10:O10"/>
    <mergeCell ref="K26:N26"/>
    <mergeCell ref="I24:J26"/>
    <mergeCell ref="I22:J23"/>
    <mergeCell ref="K25:N25"/>
    <mergeCell ref="L12:O12"/>
    <mergeCell ref="L13:M13"/>
    <mergeCell ref="E27:E28"/>
    <mergeCell ref="E2:F2"/>
    <mergeCell ref="A2:D3"/>
    <mergeCell ref="B9:D10"/>
    <mergeCell ref="N6:O6"/>
    <mergeCell ref="L9:M9"/>
    <mergeCell ref="N2:O2"/>
    <mergeCell ref="N3:O3"/>
    <mergeCell ref="B4:H4"/>
    <mergeCell ref="N5:O5"/>
    <mergeCell ref="B6:H6"/>
    <mergeCell ref="B8:D8"/>
    <mergeCell ref="L8:O8"/>
    <mergeCell ref="N7:O7"/>
    <mergeCell ref="E9:H10"/>
    <mergeCell ref="E8:H8"/>
  </mergeCells>
  <phoneticPr fontId="1" alignment="distributed"/>
  <printOptions horizontalCentered="1"/>
  <pageMargins left="0.39370078740157483" right="0.39370078740157483" top="0.78740157480314965" bottom="0.98425196850393704" header="0.51181102362204722" footer="0.51181102362204722"/>
  <pageSetup paperSize="9" scale="98"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AZ42"/>
  <sheetViews>
    <sheetView showGridLines="0" view="pageBreakPreview" zoomScale="115" zoomScaleNormal="100" zoomScaleSheetLayoutView="115" workbookViewId="0">
      <selection activeCell="AM17" sqref="AM17"/>
    </sheetView>
  </sheetViews>
  <sheetFormatPr defaultColWidth="9" defaultRowHeight="13.2" x14ac:dyDescent="0.2"/>
  <cols>
    <col min="1" max="1" width="9" style="227"/>
    <col min="2" max="38" width="4" style="228" customWidth="1"/>
    <col min="39" max="39" width="4.21875" style="228" customWidth="1"/>
    <col min="40" max="42" width="4" style="228" customWidth="1"/>
    <col min="43" max="43" width="4.109375" style="228" customWidth="1"/>
    <col min="44" max="48" width="4" style="228" customWidth="1"/>
    <col min="49" max="49" width="17" style="227" customWidth="1"/>
    <col min="50" max="50" width="11.44140625" style="227" customWidth="1"/>
    <col min="51" max="51" width="9.44140625" style="227" customWidth="1"/>
    <col min="52" max="16384" width="9" style="227"/>
  </cols>
  <sheetData>
    <row r="1" spans="1:52" ht="36" customHeight="1" thickBot="1" x14ac:dyDescent="0.25">
      <c r="B1" s="517" t="s">
        <v>205</v>
      </c>
      <c r="C1" s="517"/>
      <c r="D1" s="517"/>
      <c r="E1" s="517"/>
      <c r="F1" s="517"/>
      <c r="G1" s="517"/>
      <c r="H1" s="517"/>
      <c r="I1" s="517"/>
      <c r="J1" s="517"/>
      <c r="K1" s="517"/>
      <c r="L1" s="517"/>
      <c r="M1" s="517"/>
      <c r="N1" s="517"/>
      <c r="O1" s="517"/>
      <c r="P1" s="517"/>
      <c r="Q1" s="517"/>
      <c r="R1" s="517"/>
      <c r="S1" s="517"/>
      <c r="T1" s="517"/>
      <c r="U1" s="517"/>
      <c r="V1" s="517"/>
      <c r="W1" s="517"/>
      <c r="X1" s="517"/>
      <c r="Y1" s="517"/>
      <c r="Z1" s="517"/>
      <c r="AA1" s="517"/>
      <c r="AB1" s="517"/>
      <c r="AC1" s="517"/>
      <c r="AD1" s="517"/>
      <c r="AE1" s="517"/>
      <c r="AF1" s="517"/>
      <c r="AG1" s="517"/>
      <c r="AH1" s="517"/>
      <c r="AI1" s="517"/>
      <c r="AJ1" s="517"/>
      <c r="AK1" s="517"/>
      <c r="AL1" s="517"/>
      <c r="AM1" s="517"/>
      <c r="AN1" s="517"/>
      <c r="AO1" s="517"/>
      <c r="AP1" s="517"/>
      <c r="AQ1" s="517"/>
      <c r="AR1" s="517"/>
      <c r="AS1" s="517"/>
      <c r="AT1" s="517"/>
    </row>
    <row r="2" spans="1:52" s="229" customFormat="1" ht="22.2" customHeight="1" x14ac:dyDescent="0.2">
      <c r="B2" s="545" t="s">
        <v>19</v>
      </c>
      <c r="C2" s="546"/>
      <c r="D2" s="547" t="s">
        <v>20</v>
      </c>
      <c r="E2" s="548"/>
      <c r="F2" s="548"/>
      <c r="G2" s="548"/>
      <c r="H2" s="549"/>
      <c r="I2" s="74"/>
      <c r="J2" s="577" t="s">
        <v>199</v>
      </c>
      <c r="K2" s="581" t="s">
        <v>200</v>
      </c>
      <c r="L2" s="581"/>
      <c r="M2" s="581"/>
      <c r="N2" s="584"/>
      <c r="O2" s="585"/>
      <c r="P2" s="628"/>
      <c r="Q2" s="278"/>
      <c r="R2" s="318"/>
      <c r="S2" s="318"/>
      <c r="T2" s="318"/>
      <c r="U2" s="230"/>
      <c r="V2" s="230"/>
      <c r="AA2" s="231"/>
      <c r="AB2" s="316"/>
      <c r="AC2" s="316"/>
      <c r="AD2" s="316"/>
      <c r="AE2" s="629" t="s">
        <v>21</v>
      </c>
      <c r="AF2" s="629"/>
      <c r="AG2" s="629"/>
      <c r="AH2" s="629"/>
      <c r="AI2" s="629"/>
      <c r="AJ2" s="629"/>
      <c r="AK2" s="629"/>
      <c r="AL2" s="629"/>
      <c r="AM2" s="629"/>
      <c r="AN2" s="629"/>
      <c r="AO2" s="629"/>
      <c r="AP2" s="629"/>
      <c r="AQ2" s="629"/>
      <c r="AR2" s="629"/>
      <c r="AS2" s="629"/>
      <c r="AT2" s="629"/>
      <c r="AU2" s="591"/>
      <c r="AV2" s="592"/>
      <c r="AW2" s="592"/>
      <c r="AX2" s="592"/>
      <c r="AY2" s="592"/>
      <c r="AZ2" s="232"/>
    </row>
    <row r="3" spans="1:52" s="229" customFormat="1" ht="12" customHeight="1" x14ac:dyDescent="0.2">
      <c r="B3" s="233"/>
      <c r="C3" s="234"/>
      <c r="D3" s="235"/>
      <c r="E3" s="236"/>
      <c r="F3" s="236"/>
      <c r="G3" s="236"/>
      <c r="H3" s="237"/>
      <c r="I3" s="74"/>
      <c r="J3" s="578"/>
      <c r="K3" s="582"/>
      <c r="L3" s="582"/>
      <c r="M3" s="582"/>
      <c r="N3" s="586"/>
      <c r="O3" s="587"/>
      <c r="P3" s="628"/>
      <c r="Q3" s="278"/>
      <c r="R3" s="318"/>
      <c r="S3" s="318"/>
      <c r="T3" s="318"/>
      <c r="U3" s="230"/>
      <c r="V3" s="230"/>
      <c r="AA3" s="238"/>
      <c r="AB3" s="238"/>
      <c r="AC3" s="238"/>
      <c r="AD3" s="238"/>
      <c r="AE3" s="634"/>
      <c r="AF3" s="635"/>
      <c r="AG3" s="635"/>
      <c r="AH3" s="635"/>
      <c r="AI3" s="635"/>
      <c r="AJ3" s="635"/>
      <c r="AK3" s="635"/>
      <c r="AL3" s="635"/>
      <c r="AM3" s="635"/>
      <c r="AN3" s="635"/>
      <c r="AO3" s="635"/>
      <c r="AP3" s="635"/>
      <c r="AQ3" s="635"/>
      <c r="AR3" s="635"/>
      <c r="AS3" s="635"/>
      <c r="AT3" s="636"/>
      <c r="AU3" s="592"/>
      <c r="AV3" s="592"/>
      <c r="AW3" s="592"/>
      <c r="AX3" s="592"/>
      <c r="AY3" s="592"/>
      <c r="AZ3" s="232"/>
    </row>
    <row r="4" spans="1:52" s="229" customFormat="1" ht="9" customHeight="1" x14ac:dyDescent="0.2">
      <c r="B4" s="239">
        <v>1</v>
      </c>
      <c r="C4" s="240">
        <v>2</v>
      </c>
      <c r="D4" s="241">
        <v>3</v>
      </c>
      <c r="E4" s="242"/>
      <c r="F4" s="242"/>
      <c r="G4" s="242"/>
      <c r="H4" s="243">
        <v>7</v>
      </c>
      <c r="I4" s="74"/>
      <c r="J4" s="578"/>
      <c r="K4" s="583"/>
      <c r="L4" s="583"/>
      <c r="M4" s="583"/>
      <c r="N4" s="588"/>
      <c r="O4" s="589"/>
      <c r="P4" s="628"/>
      <c r="Q4" s="318"/>
      <c r="R4" s="318"/>
      <c r="S4" s="318"/>
      <c r="T4" s="318"/>
      <c r="U4" s="230"/>
      <c r="V4" s="230"/>
      <c r="AA4" s="317"/>
      <c r="AB4" s="317"/>
      <c r="AC4" s="317"/>
      <c r="AD4" s="317"/>
      <c r="AE4" s="637"/>
      <c r="AF4" s="638"/>
      <c r="AG4" s="638"/>
      <c r="AH4" s="638"/>
      <c r="AI4" s="638"/>
      <c r="AJ4" s="638"/>
      <c r="AK4" s="638"/>
      <c r="AL4" s="638"/>
      <c r="AM4" s="638"/>
      <c r="AN4" s="638"/>
      <c r="AO4" s="638"/>
      <c r="AP4" s="638"/>
      <c r="AQ4" s="638"/>
      <c r="AR4" s="638"/>
      <c r="AS4" s="638"/>
      <c r="AT4" s="639"/>
      <c r="AU4" s="593"/>
      <c r="AV4" s="594"/>
      <c r="AW4" s="594"/>
      <c r="AX4" s="594"/>
      <c r="AY4" s="594"/>
      <c r="AZ4" s="232"/>
    </row>
    <row r="5" spans="1:52" s="229" customFormat="1" ht="36.6" customHeight="1" thickBot="1" x14ac:dyDescent="0.25">
      <c r="B5" s="552" t="s">
        <v>22</v>
      </c>
      <c r="C5" s="554" t="s">
        <v>22</v>
      </c>
      <c r="D5" s="573" t="s">
        <v>23</v>
      </c>
      <c r="E5" s="575"/>
      <c r="F5" s="559"/>
      <c r="G5" s="559"/>
      <c r="H5" s="567"/>
      <c r="I5" s="75"/>
      <c r="J5" s="579"/>
      <c r="K5" s="580" t="s">
        <v>201</v>
      </c>
      <c r="L5" s="580"/>
      <c r="M5" s="580"/>
      <c r="N5" s="314"/>
      <c r="O5" s="315"/>
      <c r="P5" s="245"/>
      <c r="Q5" s="246"/>
      <c r="R5" s="246"/>
      <c r="S5" s="246"/>
      <c r="T5" s="246"/>
      <c r="U5" s="247"/>
      <c r="V5" s="246"/>
      <c r="AE5" s="640"/>
      <c r="AF5" s="641"/>
      <c r="AG5" s="641"/>
      <c r="AH5" s="641"/>
      <c r="AI5" s="641"/>
      <c r="AJ5" s="641"/>
      <c r="AK5" s="641"/>
      <c r="AL5" s="641"/>
      <c r="AM5" s="641"/>
      <c r="AN5" s="641"/>
      <c r="AO5" s="641"/>
      <c r="AP5" s="641"/>
      <c r="AQ5" s="641"/>
      <c r="AR5" s="641"/>
      <c r="AS5" s="641"/>
      <c r="AT5" s="642"/>
      <c r="AU5" s="594"/>
      <c r="AV5" s="594"/>
      <c r="AW5" s="594"/>
      <c r="AX5" s="594"/>
      <c r="AY5" s="594"/>
      <c r="AZ5" s="232"/>
    </row>
    <row r="6" spans="1:52" s="229" customFormat="1" ht="21" customHeight="1" thickBot="1" x14ac:dyDescent="0.3">
      <c r="B6" s="553"/>
      <c r="C6" s="555"/>
      <c r="D6" s="574"/>
      <c r="E6" s="576"/>
      <c r="F6" s="540"/>
      <c r="G6" s="540"/>
      <c r="H6" s="568"/>
      <c r="I6" s="75"/>
      <c r="J6" s="308"/>
      <c r="K6" s="308"/>
      <c r="L6" s="230"/>
      <c r="M6" s="230"/>
      <c r="N6" s="307"/>
      <c r="O6" s="307"/>
      <c r="P6" s="319"/>
      <c r="Q6" s="246"/>
      <c r="R6" s="246"/>
      <c r="S6" s="246"/>
      <c r="T6" s="246"/>
      <c r="U6" s="247"/>
      <c r="V6" s="246"/>
      <c r="AE6" s="631" t="s">
        <v>202</v>
      </c>
      <c r="AF6" s="632"/>
      <c r="AG6" s="632"/>
      <c r="AH6" s="632"/>
      <c r="AI6" s="632"/>
      <c r="AJ6" s="632"/>
      <c r="AK6" s="632"/>
      <c r="AL6" s="633"/>
      <c r="AM6" s="630" t="s">
        <v>203</v>
      </c>
      <c r="AN6" s="630"/>
      <c r="AO6" s="630"/>
      <c r="AP6" s="630"/>
      <c r="AQ6" s="630"/>
      <c r="AR6" s="630"/>
      <c r="AS6" s="630"/>
      <c r="AT6" s="630"/>
      <c r="AU6" s="594"/>
      <c r="AV6" s="594"/>
      <c r="AW6" s="594"/>
      <c r="AX6" s="594"/>
      <c r="AY6" s="594"/>
      <c r="AZ6" s="232"/>
    </row>
    <row r="7" spans="1:52" s="229" customFormat="1" ht="15" customHeight="1" x14ac:dyDescent="0.2">
      <c r="B7" s="248"/>
      <c r="C7" s="248"/>
      <c r="D7" s="248"/>
      <c r="E7" s="248"/>
      <c r="F7" s="248"/>
      <c r="G7" s="248"/>
      <c r="H7" s="248"/>
      <c r="I7" s="248"/>
      <c r="J7" s="248"/>
      <c r="K7" s="248"/>
      <c r="L7" s="249"/>
      <c r="M7" s="248"/>
      <c r="AE7" s="374"/>
      <c r="AF7" s="375"/>
      <c r="AG7" s="375"/>
      <c r="AH7" s="375"/>
      <c r="AI7" s="375"/>
      <c r="AJ7" s="375"/>
      <c r="AK7" s="375"/>
      <c r="AL7" s="376"/>
      <c r="AM7" s="374"/>
      <c r="AN7" s="375"/>
      <c r="AO7" s="375"/>
      <c r="AP7" s="375"/>
      <c r="AQ7" s="375"/>
      <c r="AR7" s="375"/>
      <c r="AS7" s="375"/>
      <c r="AT7" s="376"/>
      <c r="AU7" s="594"/>
      <c r="AV7" s="594"/>
      <c r="AW7" s="594"/>
      <c r="AX7" s="594"/>
      <c r="AY7" s="594"/>
      <c r="AZ7" s="232"/>
    </row>
    <row r="8" spans="1:52" s="229" customFormat="1" ht="18.75" customHeight="1" thickBot="1" x14ac:dyDescent="0.25">
      <c r="B8" s="250" t="s">
        <v>143</v>
      </c>
      <c r="C8" s="248"/>
      <c r="D8" s="248"/>
      <c r="E8" s="248"/>
      <c r="F8" s="248"/>
      <c r="G8" s="248"/>
      <c r="H8" s="248"/>
      <c r="I8" s="248"/>
      <c r="J8" s="248"/>
      <c r="K8" s="248"/>
      <c r="L8" s="248"/>
      <c r="M8" s="248"/>
      <c r="N8" s="248"/>
      <c r="O8" s="248"/>
      <c r="P8" s="248"/>
      <c r="Q8" s="248"/>
      <c r="R8" s="248"/>
      <c r="AE8" s="377"/>
      <c r="AF8" s="378"/>
      <c r="AG8" s="378"/>
      <c r="AH8" s="378"/>
      <c r="AI8" s="378"/>
      <c r="AJ8" s="378"/>
      <c r="AK8" s="378"/>
      <c r="AL8" s="379"/>
      <c r="AM8" s="377"/>
      <c r="AN8" s="378"/>
      <c r="AO8" s="378"/>
      <c r="AP8" s="378"/>
      <c r="AQ8" s="378"/>
      <c r="AR8" s="378"/>
      <c r="AS8" s="378"/>
      <c r="AT8" s="379"/>
      <c r="AU8" s="248"/>
      <c r="AV8" s="248"/>
      <c r="AW8" s="251"/>
      <c r="AX8" s="251"/>
      <c r="AY8" s="251"/>
      <c r="AZ8" s="232"/>
    </row>
    <row r="9" spans="1:52" s="229" customFormat="1" ht="23.25" customHeight="1" x14ac:dyDescent="0.2">
      <c r="A9" s="232"/>
      <c r="B9" s="560" t="s">
        <v>24</v>
      </c>
      <c r="C9" s="561"/>
      <c r="D9" s="561"/>
      <c r="E9" s="561"/>
      <c r="F9" s="561"/>
      <c r="G9" s="561"/>
      <c r="H9" s="561"/>
      <c r="I9" s="562"/>
      <c r="J9" s="384" t="s">
        <v>25</v>
      </c>
      <c r="K9" s="385"/>
      <c r="L9" s="385"/>
      <c r="M9" s="385"/>
      <c r="N9" s="385"/>
      <c r="O9" s="386"/>
      <c r="P9" s="563" t="s">
        <v>26</v>
      </c>
      <c r="Q9" s="549"/>
      <c r="R9" s="253"/>
      <c r="S9" s="230"/>
      <c r="T9" s="253"/>
      <c r="U9" s="253"/>
      <c r="V9" s="230"/>
      <c r="W9" s="230"/>
      <c r="X9" s="252"/>
      <c r="Y9" s="252"/>
      <c r="Z9" s="252"/>
      <c r="AA9" s="254"/>
      <c r="AE9" s="380"/>
      <c r="AF9" s="381"/>
      <c r="AG9" s="381"/>
      <c r="AH9" s="381"/>
      <c r="AI9" s="381"/>
      <c r="AJ9" s="381"/>
      <c r="AK9" s="381"/>
      <c r="AL9" s="382"/>
      <c r="AM9" s="380"/>
      <c r="AN9" s="381"/>
      <c r="AO9" s="381"/>
      <c r="AP9" s="381"/>
      <c r="AQ9" s="381"/>
      <c r="AR9" s="381"/>
      <c r="AS9" s="381"/>
      <c r="AT9" s="382"/>
      <c r="AU9" s="247"/>
      <c r="AV9" s="247"/>
      <c r="AW9" s="247"/>
      <c r="AX9" s="232"/>
    </row>
    <row r="10" spans="1:52" s="229" customFormat="1" ht="30" customHeight="1" thickBot="1" x14ac:dyDescent="0.25">
      <c r="A10" s="232"/>
      <c r="B10" s="557" t="s">
        <v>229</v>
      </c>
      <c r="C10" s="551"/>
      <c r="D10" s="550" t="s">
        <v>27</v>
      </c>
      <c r="E10" s="551"/>
      <c r="F10" s="550" t="s">
        <v>28</v>
      </c>
      <c r="G10" s="551"/>
      <c r="H10" s="550" t="s">
        <v>29</v>
      </c>
      <c r="I10" s="556"/>
      <c r="J10" s="571" t="s">
        <v>30</v>
      </c>
      <c r="K10" s="570"/>
      <c r="L10" s="569" t="s">
        <v>31</v>
      </c>
      <c r="M10" s="570"/>
      <c r="N10" s="569" t="s">
        <v>32</v>
      </c>
      <c r="O10" s="572"/>
      <c r="P10" s="564"/>
      <c r="Q10" s="538"/>
      <c r="R10" s="252"/>
      <c r="S10" s="603"/>
      <c r="T10" s="594"/>
      <c r="U10" s="594"/>
      <c r="V10" s="594"/>
      <c r="W10" s="329"/>
      <c r="X10" s="329"/>
      <c r="Y10" s="329"/>
      <c r="Z10" s="329"/>
      <c r="AA10" s="329"/>
      <c r="AB10" s="329"/>
      <c r="AC10" s="329"/>
      <c r="AD10" s="329"/>
      <c r="AE10" s="329"/>
      <c r="AF10" s="329"/>
      <c r="AG10" s="329"/>
      <c r="AH10" s="329"/>
      <c r="AI10" s="329"/>
      <c r="AJ10" s="329"/>
      <c r="AK10" s="329"/>
      <c r="AL10" s="329"/>
      <c r="AM10" s="329"/>
      <c r="AN10" s="329"/>
      <c r="AO10" s="329"/>
      <c r="AU10" s="256"/>
      <c r="AV10" s="256"/>
      <c r="AW10" s="247"/>
      <c r="AX10" s="247"/>
      <c r="AY10" s="247"/>
      <c r="AZ10" s="232"/>
    </row>
    <row r="11" spans="1:52" s="229" customFormat="1" ht="9" customHeight="1" thickTop="1" x14ac:dyDescent="0.2">
      <c r="A11" s="232"/>
      <c r="B11" s="558"/>
      <c r="C11" s="559"/>
      <c r="D11" s="565"/>
      <c r="E11" s="566"/>
      <c r="F11" s="565"/>
      <c r="G11" s="566"/>
      <c r="H11" s="565"/>
      <c r="I11" s="567"/>
      <c r="J11" s="558"/>
      <c r="K11" s="566"/>
      <c r="L11" s="565"/>
      <c r="M11" s="566"/>
      <c r="N11" s="565"/>
      <c r="O11" s="567"/>
      <c r="P11" s="558" t="str">
        <f>IF(SUM(D11:O12)=0,"",SUM(D11:O12))</f>
        <v/>
      </c>
      <c r="Q11" s="567"/>
      <c r="R11" s="252"/>
      <c r="S11" s="604"/>
      <c r="T11" s="592"/>
      <c r="U11" s="592"/>
      <c r="V11" s="592"/>
      <c r="W11" s="595" t="s">
        <v>228</v>
      </c>
      <c r="X11" s="596"/>
      <c r="Y11" s="596"/>
      <c r="Z11" s="596"/>
      <c r="AA11" s="596"/>
      <c r="AB11" s="596"/>
      <c r="AC11" s="596"/>
      <c r="AD11" s="596"/>
      <c r="AE11" s="596"/>
      <c r="AF11" s="596"/>
      <c r="AG11" s="596"/>
      <c r="AH11" s="596"/>
      <c r="AI11" s="596"/>
      <c r="AJ11" s="596"/>
      <c r="AK11" s="596"/>
      <c r="AL11" s="596"/>
      <c r="AM11" s="596"/>
      <c r="AN11" s="596"/>
      <c r="AO11" s="597"/>
      <c r="AU11" s="257"/>
      <c r="AV11" s="257"/>
      <c r="AW11" s="255"/>
      <c r="AX11" s="255"/>
      <c r="AY11" s="255"/>
      <c r="AZ11" s="232"/>
    </row>
    <row r="12" spans="1:52" s="229" customFormat="1" ht="42" customHeight="1" thickBot="1" x14ac:dyDescent="0.25">
      <c r="B12" s="539"/>
      <c r="C12" s="540"/>
      <c r="D12" s="544"/>
      <c r="E12" s="541"/>
      <c r="F12" s="544"/>
      <c r="G12" s="541"/>
      <c r="H12" s="544"/>
      <c r="I12" s="568"/>
      <c r="J12" s="539"/>
      <c r="K12" s="541"/>
      <c r="L12" s="544"/>
      <c r="M12" s="541"/>
      <c r="N12" s="544"/>
      <c r="O12" s="568"/>
      <c r="P12" s="539"/>
      <c r="Q12" s="568"/>
      <c r="R12" s="248"/>
      <c r="S12" s="592"/>
      <c r="T12" s="592"/>
      <c r="U12" s="592"/>
      <c r="V12" s="592"/>
      <c r="W12" s="598"/>
      <c r="X12" s="599"/>
      <c r="Y12" s="599"/>
      <c r="Z12" s="599"/>
      <c r="AA12" s="599"/>
      <c r="AB12" s="599"/>
      <c r="AC12" s="599"/>
      <c r="AD12" s="599"/>
      <c r="AE12" s="599"/>
      <c r="AF12" s="599"/>
      <c r="AG12" s="599"/>
      <c r="AH12" s="599"/>
      <c r="AI12" s="599"/>
      <c r="AJ12" s="599"/>
      <c r="AK12" s="599"/>
      <c r="AL12" s="599"/>
      <c r="AM12" s="599"/>
      <c r="AN12" s="599"/>
      <c r="AO12" s="600"/>
      <c r="AU12" s="257"/>
      <c r="AV12" s="257"/>
      <c r="AW12" s="255"/>
      <c r="AX12" s="255"/>
      <c r="AY12" s="255"/>
      <c r="AZ12" s="232"/>
    </row>
    <row r="13" spans="1:52" s="229" customFormat="1" ht="18" customHeight="1" x14ac:dyDescent="0.2">
      <c r="B13" s="248"/>
      <c r="C13" s="248"/>
      <c r="D13" s="248"/>
      <c r="E13" s="248"/>
      <c r="F13" s="248"/>
      <c r="G13" s="248"/>
      <c r="H13" s="248"/>
      <c r="I13" s="248"/>
      <c r="J13" s="248"/>
      <c r="K13" s="248"/>
      <c r="L13" s="248"/>
      <c r="M13" s="248"/>
      <c r="N13" s="248"/>
      <c r="O13" s="248"/>
      <c r="P13" s="248"/>
      <c r="Q13" s="248"/>
      <c r="R13" s="248"/>
      <c r="S13" s="230"/>
      <c r="T13" s="230"/>
      <c r="U13" s="258"/>
      <c r="V13" s="230"/>
      <c r="W13" s="230"/>
      <c r="X13" s="246"/>
      <c r="Y13" s="246"/>
      <c r="Z13" s="258"/>
      <c r="AA13" s="230"/>
      <c r="AB13" s="258"/>
      <c r="AC13" s="248"/>
      <c r="AD13" s="249"/>
      <c r="AE13" s="248"/>
      <c r="AF13" s="259"/>
      <c r="AG13" s="259"/>
      <c r="AH13" s="259"/>
      <c r="AI13" s="259"/>
      <c r="AJ13" s="259"/>
      <c r="AK13" s="259"/>
      <c r="AL13" s="248"/>
      <c r="AM13" s="248"/>
      <c r="AN13" s="248"/>
      <c r="AO13" s="248"/>
      <c r="AP13" s="248"/>
      <c r="AQ13" s="248"/>
      <c r="AR13" s="248"/>
      <c r="AS13" s="248"/>
      <c r="AT13" s="248"/>
      <c r="AU13" s="248"/>
      <c r="AV13" s="248"/>
    </row>
    <row r="14" spans="1:52" s="229" customFormat="1" x14ac:dyDescent="0.2">
      <c r="B14" s="248"/>
      <c r="C14" s="248"/>
      <c r="D14" s="248"/>
      <c r="E14" s="248"/>
      <c r="F14" s="248"/>
      <c r="G14" s="248"/>
      <c r="H14" s="248"/>
      <c r="I14" s="248"/>
      <c r="J14" s="248"/>
      <c r="K14" s="248"/>
      <c r="L14" s="248"/>
      <c r="M14" s="248"/>
      <c r="N14" s="248"/>
      <c r="O14" s="248"/>
      <c r="P14" s="248"/>
      <c r="Q14" s="248"/>
      <c r="R14" s="248"/>
      <c r="S14" s="230"/>
      <c r="T14" s="230"/>
      <c r="U14" s="246"/>
      <c r="V14" s="230"/>
      <c r="W14" s="258"/>
      <c r="X14" s="230"/>
      <c r="Y14" s="230"/>
      <c r="Z14" s="246"/>
      <c r="AA14" s="230"/>
      <c r="AB14" s="258"/>
      <c r="AC14" s="248"/>
      <c r="AD14" s="249"/>
      <c r="AE14" s="248"/>
      <c r="AF14" s="259"/>
      <c r="AG14" s="259"/>
      <c r="AH14" s="259"/>
      <c r="AI14" s="259"/>
      <c r="AJ14" s="259"/>
      <c r="AK14" s="259"/>
      <c r="AL14" s="248"/>
      <c r="AM14" s="248"/>
      <c r="AN14" s="248"/>
      <c r="AO14" s="248"/>
      <c r="AP14" s="248"/>
      <c r="AQ14" s="248"/>
      <c r="AR14" s="248"/>
      <c r="AS14" s="248"/>
      <c r="AT14" s="248"/>
      <c r="AU14" s="248"/>
      <c r="AV14" s="248"/>
    </row>
    <row r="15" spans="1:52" s="229" customFormat="1" ht="26.25" customHeight="1" thickBot="1" x14ac:dyDescent="0.25">
      <c r="B15" s="610" t="s">
        <v>142</v>
      </c>
      <c r="C15" s="611"/>
      <c r="D15" s="611"/>
      <c r="E15" s="611"/>
      <c r="F15" s="611"/>
      <c r="G15" s="611"/>
      <c r="H15" s="611"/>
      <c r="I15" s="611"/>
      <c r="J15" s="611"/>
      <c r="K15" s="611"/>
      <c r="L15" s="611"/>
      <c r="M15" s="611"/>
      <c r="N15" s="611"/>
      <c r="O15" s="611"/>
      <c r="P15" s="611"/>
      <c r="Q15" s="611"/>
      <c r="R15" s="611"/>
      <c r="S15" s="611"/>
      <c r="T15" s="611"/>
      <c r="U15" s="611"/>
      <c r="V15" s="611"/>
      <c r="W15" s="611"/>
      <c r="X15" s="611"/>
      <c r="Y15" s="611"/>
      <c r="Z15" s="611"/>
      <c r="AA15" s="611"/>
      <c r="AB15" s="611"/>
      <c r="AC15" s="611"/>
      <c r="AD15" s="612"/>
      <c r="AE15" s="612"/>
      <c r="AF15" s="612"/>
      <c r="AG15" s="612"/>
      <c r="AH15" s="612"/>
      <c r="AI15" s="612"/>
      <c r="AJ15" s="612"/>
      <c r="AK15" s="612"/>
      <c r="AL15" s="612"/>
      <c r="AM15" s="612"/>
      <c r="AN15" s="612"/>
      <c r="AO15" s="612"/>
      <c r="AP15" s="612"/>
      <c r="AQ15" s="612"/>
      <c r="AR15" s="612"/>
      <c r="AS15" s="612"/>
      <c r="AT15" s="612"/>
      <c r="AU15" s="248"/>
      <c r="AV15" s="260"/>
      <c r="AW15" s="246"/>
      <c r="AX15" s="246"/>
      <c r="AY15" s="246"/>
    </row>
    <row r="16" spans="1:52" s="229" customFormat="1" ht="23.25" customHeight="1" x14ac:dyDescent="0.2">
      <c r="A16" s="232"/>
      <c r="B16" s="619"/>
      <c r="C16" s="526" t="s">
        <v>33</v>
      </c>
      <c r="D16" s="527"/>
      <c r="E16" s="527"/>
      <c r="F16" s="527"/>
      <c r="G16" s="527"/>
      <c r="H16" s="527"/>
      <c r="I16" s="527"/>
      <c r="J16" s="527"/>
      <c r="K16" s="527"/>
      <c r="L16" s="527"/>
      <c r="M16" s="527"/>
      <c r="N16" s="528"/>
      <c r="O16" s="394" t="s">
        <v>233</v>
      </c>
      <c r="P16" s="394"/>
      <c r="Q16" s="395"/>
      <c r="R16" s="394" t="s">
        <v>232</v>
      </c>
      <c r="S16" s="394"/>
      <c r="T16" s="395"/>
      <c r="U16" s="384" t="s">
        <v>34</v>
      </c>
      <c r="V16" s="396"/>
      <c r="W16" s="396"/>
      <c r="X16" s="397"/>
      <c r="Y16" s="261"/>
      <c r="Z16" s="560" t="s">
        <v>35</v>
      </c>
      <c r="AA16" s="561"/>
      <c r="AB16" s="561"/>
      <c r="AC16" s="562"/>
      <c r="AD16" s="401"/>
      <c r="AE16" s="387"/>
      <c r="AF16" s="387"/>
      <c r="AG16" s="387"/>
      <c r="AH16" s="387"/>
      <c r="AI16" s="246"/>
      <c r="AJ16" s="246"/>
      <c r="AK16" s="246"/>
      <c r="AL16" s="246"/>
      <c r="AM16" s="246"/>
    </row>
    <row r="17" spans="1:51" s="229" customFormat="1" ht="9" customHeight="1" x14ac:dyDescent="0.2">
      <c r="A17" s="232"/>
      <c r="B17" s="620"/>
      <c r="C17" s="529" t="s">
        <v>36</v>
      </c>
      <c r="D17" s="530"/>
      <c r="E17" s="530"/>
      <c r="F17" s="530"/>
      <c r="G17" s="530"/>
      <c r="H17" s="531"/>
      <c r="I17" s="613" t="s">
        <v>37</v>
      </c>
      <c r="J17" s="614"/>
      <c r="K17" s="615"/>
      <c r="L17" s="537" t="s">
        <v>26</v>
      </c>
      <c r="M17" s="537"/>
      <c r="N17" s="538"/>
      <c r="O17" s="605" t="s">
        <v>26</v>
      </c>
      <c r="P17" s="530"/>
      <c r="Q17" s="606"/>
      <c r="R17" s="605" t="s">
        <v>26</v>
      </c>
      <c r="S17" s="530"/>
      <c r="T17" s="606"/>
      <c r="U17" s="398"/>
      <c r="V17" s="402"/>
      <c r="W17" s="402"/>
      <c r="X17" s="403"/>
      <c r="Y17" s="248"/>
      <c r="Z17" s="621"/>
      <c r="AA17" s="605" t="s">
        <v>38</v>
      </c>
      <c r="AB17" s="530"/>
      <c r="AC17" s="606"/>
      <c r="AD17" s="248"/>
      <c r="AE17" s="253"/>
      <c r="AF17" s="253"/>
      <c r="AG17" s="253"/>
      <c r="AH17" s="253"/>
    </row>
    <row r="18" spans="1:51" s="229" customFormat="1" ht="13.5" customHeight="1" x14ac:dyDescent="0.2">
      <c r="A18" s="232"/>
      <c r="B18" s="620"/>
      <c r="C18" s="526"/>
      <c r="D18" s="527"/>
      <c r="E18" s="527"/>
      <c r="F18" s="527"/>
      <c r="G18" s="527"/>
      <c r="H18" s="532"/>
      <c r="I18" s="616"/>
      <c r="J18" s="617"/>
      <c r="K18" s="618"/>
      <c r="L18" s="537"/>
      <c r="M18" s="537"/>
      <c r="N18" s="538"/>
      <c r="O18" s="607"/>
      <c r="P18" s="537"/>
      <c r="Q18" s="538"/>
      <c r="R18" s="607"/>
      <c r="S18" s="537"/>
      <c r="T18" s="538"/>
      <c r="U18" s="398"/>
      <c r="V18" s="399"/>
      <c r="W18" s="399"/>
      <c r="X18" s="400"/>
      <c r="Y18" s="248"/>
      <c r="Z18" s="622"/>
      <c r="AA18" s="607"/>
      <c r="AB18" s="537"/>
      <c r="AC18" s="538"/>
      <c r="AD18" s="248"/>
      <c r="AE18" s="253"/>
      <c r="AF18" s="253"/>
      <c r="AG18" s="253"/>
      <c r="AH18" s="262"/>
    </row>
    <row r="19" spans="1:51" s="229" customFormat="1" ht="21" customHeight="1" x14ac:dyDescent="0.2">
      <c r="A19" s="232"/>
      <c r="B19" s="620"/>
      <c r="C19" s="525" t="s">
        <v>225</v>
      </c>
      <c r="D19" s="520"/>
      <c r="E19" s="521"/>
      <c r="F19" s="519" t="s">
        <v>204</v>
      </c>
      <c r="G19" s="520"/>
      <c r="H19" s="521"/>
      <c r="I19" s="519" t="s">
        <v>204</v>
      </c>
      <c r="J19" s="520"/>
      <c r="K19" s="521"/>
      <c r="L19" s="537"/>
      <c r="M19" s="537"/>
      <c r="N19" s="538"/>
      <c r="O19" s="607"/>
      <c r="P19" s="537"/>
      <c r="Q19" s="538"/>
      <c r="R19" s="607"/>
      <c r="S19" s="537"/>
      <c r="T19" s="538"/>
      <c r="U19" s="398"/>
      <c r="V19" s="399"/>
      <c r="W19" s="399"/>
      <c r="X19" s="400"/>
      <c r="Y19" s="248"/>
      <c r="Z19" s="622"/>
      <c r="AA19" s="607"/>
      <c r="AB19" s="537"/>
      <c r="AC19" s="538"/>
      <c r="AD19" s="248"/>
      <c r="AE19" s="253"/>
      <c r="AF19" s="253"/>
      <c r="AG19" s="253"/>
      <c r="AH19" s="263"/>
    </row>
    <row r="20" spans="1:51" s="229" customFormat="1" ht="21" customHeight="1" x14ac:dyDescent="0.2">
      <c r="A20" s="232"/>
      <c r="B20" s="620"/>
      <c r="C20" s="264"/>
      <c r="D20" s="265" t="s">
        <v>149</v>
      </c>
      <c r="E20" s="266"/>
      <c r="F20" s="267"/>
      <c r="G20" s="265" t="s">
        <v>149</v>
      </c>
      <c r="H20" s="266"/>
      <c r="I20" s="267"/>
      <c r="J20" s="265" t="s">
        <v>149</v>
      </c>
      <c r="K20" s="266"/>
      <c r="L20" s="537"/>
      <c r="M20" s="537"/>
      <c r="N20" s="538"/>
      <c r="O20" s="607"/>
      <c r="P20" s="537"/>
      <c r="Q20" s="538"/>
      <c r="R20" s="607"/>
      <c r="S20" s="537"/>
      <c r="T20" s="538"/>
      <c r="U20" s="398"/>
      <c r="V20" s="399"/>
      <c r="W20" s="399"/>
      <c r="X20" s="400"/>
      <c r="Y20" s="248"/>
      <c r="Z20" s="622"/>
      <c r="AA20" s="607"/>
      <c r="AB20" s="537"/>
      <c r="AC20" s="538"/>
      <c r="AD20" s="248"/>
      <c r="AE20" s="253"/>
      <c r="AF20" s="253"/>
      <c r="AG20" s="253"/>
      <c r="AH20" s="263"/>
    </row>
    <row r="21" spans="1:51" s="229" customFormat="1" ht="21" customHeight="1" x14ac:dyDescent="0.2">
      <c r="A21" s="232"/>
      <c r="B21" s="620"/>
      <c r="C21" s="590" t="s">
        <v>226</v>
      </c>
      <c r="D21" s="523"/>
      <c r="E21" s="524"/>
      <c r="F21" s="522" t="s">
        <v>227</v>
      </c>
      <c r="G21" s="523"/>
      <c r="H21" s="524"/>
      <c r="I21" s="522" t="s">
        <v>227</v>
      </c>
      <c r="J21" s="523"/>
      <c r="K21" s="524"/>
      <c r="L21" s="537"/>
      <c r="M21" s="537"/>
      <c r="N21" s="538"/>
      <c r="O21" s="607"/>
      <c r="P21" s="537"/>
      <c r="Q21" s="538"/>
      <c r="R21" s="607"/>
      <c r="S21" s="537"/>
      <c r="T21" s="538"/>
      <c r="U21" s="398"/>
      <c r="V21" s="399"/>
      <c r="W21" s="399"/>
      <c r="X21" s="400"/>
      <c r="Y21" s="248"/>
      <c r="Z21" s="622"/>
      <c r="AA21" s="607"/>
      <c r="AB21" s="537"/>
      <c r="AC21" s="538"/>
      <c r="AD21" s="248"/>
      <c r="AE21" s="268"/>
      <c r="AF21" s="269"/>
      <c r="AG21" s="269"/>
      <c r="AH21" s="263"/>
    </row>
    <row r="22" spans="1:51" s="229" customFormat="1" ht="21" customHeight="1" x14ac:dyDescent="0.15">
      <c r="B22" s="389"/>
      <c r="C22" s="533" t="s">
        <v>39</v>
      </c>
      <c r="D22" s="534"/>
      <c r="E22" s="535"/>
      <c r="F22" s="536" t="s">
        <v>39</v>
      </c>
      <c r="G22" s="534"/>
      <c r="H22" s="535"/>
      <c r="I22" s="536" t="s">
        <v>39</v>
      </c>
      <c r="J22" s="534"/>
      <c r="K22" s="534"/>
      <c r="L22" s="270"/>
      <c r="M22" s="271"/>
      <c r="N22" s="272"/>
      <c r="O22" s="270"/>
      <c r="P22" s="271"/>
      <c r="Q22" s="272"/>
      <c r="R22" s="270"/>
      <c r="S22" s="271"/>
      <c r="T22" s="272"/>
      <c r="U22" s="273"/>
      <c r="V22" s="271"/>
      <c r="W22" s="271"/>
      <c r="X22" s="272"/>
      <c r="Y22" s="248"/>
      <c r="Z22" s="623"/>
      <c r="AA22" s="624"/>
      <c r="AB22" s="527"/>
      <c r="AC22" s="528"/>
      <c r="AD22" s="248"/>
      <c r="AE22" s="268"/>
      <c r="AF22" s="269"/>
      <c r="AG22" s="269"/>
      <c r="AH22" s="263"/>
    </row>
    <row r="23" spans="1:51" s="229" customFormat="1" ht="12" customHeight="1" x14ac:dyDescent="0.2">
      <c r="A23" s="232"/>
      <c r="B23" s="390"/>
      <c r="C23" s="542"/>
      <c r="D23" s="543"/>
      <c r="E23" s="312" t="s">
        <v>40</v>
      </c>
      <c r="F23" s="625"/>
      <c r="G23" s="543"/>
      <c r="H23" s="312" t="s">
        <v>40</v>
      </c>
      <c r="I23" s="625"/>
      <c r="J23" s="543"/>
      <c r="K23" s="312" t="s">
        <v>40</v>
      </c>
      <c r="L23" s="45"/>
      <c r="M23" s="44"/>
      <c r="N23" s="313" t="s">
        <v>40</v>
      </c>
      <c r="O23" s="45"/>
      <c r="P23" s="44"/>
      <c r="Q23" s="313" t="s">
        <v>40</v>
      </c>
      <c r="R23" s="45"/>
      <c r="S23" s="44"/>
      <c r="T23" s="313" t="s">
        <v>40</v>
      </c>
      <c r="U23" s="626"/>
      <c r="V23" s="627"/>
      <c r="W23" s="627"/>
      <c r="X23" s="313" t="s">
        <v>40</v>
      </c>
      <c r="Y23" s="248"/>
      <c r="Z23" s="608" t="s">
        <v>26</v>
      </c>
      <c r="AA23" s="383"/>
      <c r="AB23" s="373"/>
      <c r="AC23" s="313" t="s">
        <v>40</v>
      </c>
      <c r="AD23" s="248"/>
      <c r="AE23" s="268"/>
      <c r="AF23" s="269"/>
      <c r="AG23" s="269"/>
      <c r="AH23" s="263"/>
    </row>
    <row r="24" spans="1:51" s="229" customFormat="1" ht="42" customHeight="1" thickBot="1" x14ac:dyDescent="0.25">
      <c r="A24" s="232"/>
      <c r="B24" s="391" t="s">
        <v>26</v>
      </c>
      <c r="C24" s="539"/>
      <c r="D24" s="540"/>
      <c r="E24" s="541"/>
      <c r="F24" s="544"/>
      <c r="G24" s="540"/>
      <c r="H24" s="541"/>
      <c r="I24" s="544"/>
      <c r="J24" s="540"/>
      <c r="K24" s="541"/>
      <c r="L24" s="544"/>
      <c r="M24" s="540"/>
      <c r="N24" s="568"/>
      <c r="O24" s="544"/>
      <c r="P24" s="540"/>
      <c r="Q24" s="568"/>
      <c r="R24" s="544"/>
      <c r="S24" s="540"/>
      <c r="T24" s="568"/>
      <c r="U24" s="539"/>
      <c r="V24" s="540"/>
      <c r="W24" s="540"/>
      <c r="X24" s="568"/>
      <c r="Y24" s="248"/>
      <c r="Z24" s="609"/>
      <c r="AA24" s="544"/>
      <c r="AB24" s="540"/>
      <c r="AC24" s="568"/>
      <c r="AD24" s="248"/>
      <c r="AE24" s="268"/>
      <c r="AF24" s="269"/>
      <c r="AG24" s="269"/>
      <c r="AH24" s="263"/>
    </row>
    <row r="25" spans="1:51" s="229" customFormat="1" ht="13.5" customHeight="1" x14ac:dyDescent="0.2">
      <c r="B25" s="248"/>
      <c r="C25" s="248"/>
      <c r="D25" s="248"/>
      <c r="E25" s="248"/>
      <c r="F25" s="248"/>
      <c r="G25" s="248"/>
      <c r="H25" s="248"/>
      <c r="I25" s="248"/>
      <c r="J25" s="248"/>
      <c r="K25" s="248"/>
      <c r="L25" s="248"/>
      <c r="M25" s="248"/>
      <c r="N25" s="248"/>
      <c r="O25" s="248"/>
      <c r="P25" s="248"/>
      <c r="Q25" s="248"/>
      <c r="R25" s="248"/>
      <c r="S25" s="248"/>
      <c r="T25" s="248"/>
      <c r="U25" s="248"/>
      <c r="V25" s="248"/>
      <c r="W25" s="248"/>
      <c r="X25" s="248"/>
      <c r="Y25" s="248"/>
      <c r="Z25" s="248"/>
      <c r="AA25" s="248"/>
      <c r="AB25" s="248"/>
      <c r="AC25" s="248"/>
      <c r="AD25" s="248"/>
      <c r="AE25" s="248"/>
      <c r="AF25" s="248"/>
      <c r="AG25" s="248"/>
      <c r="AH25" s="248"/>
      <c r="AI25" s="248"/>
      <c r="AJ25" s="248"/>
      <c r="AK25" s="248"/>
      <c r="AL25" s="248"/>
      <c r="AM25" s="248"/>
      <c r="AN25" s="248"/>
      <c r="AO25" s="248"/>
      <c r="AP25" s="248"/>
      <c r="AQ25" s="248"/>
      <c r="AR25" s="248"/>
      <c r="AS25" s="248"/>
      <c r="AT25" s="248"/>
      <c r="AU25" s="248"/>
      <c r="AV25" s="268"/>
      <c r="AW25" s="269"/>
      <c r="AX25" s="269"/>
      <c r="AY25" s="263"/>
    </row>
    <row r="26" spans="1:51" s="229" customFormat="1" ht="7.05" customHeight="1" x14ac:dyDescent="0.2">
      <c r="B26" s="248"/>
      <c r="C26" s="248"/>
      <c r="D26" s="248"/>
      <c r="E26" s="248"/>
      <c r="F26" s="248"/>
      <c r="G26" s="248"/>
      <c r="H26" s="248"/>
      <c r="I26" s="248"/>
      <c r="J26" s="248"/>
      <c r="K26" s="248"/>
      <c r="L26" s="248"/>
      <c r="M26" s="248"/>
      <c r="N26" s="248"/>
      <c r="O26" s="248"/>
      <c r="P26" s="248"/>
      <c r="Q26" s="248"/>
      <c r="R26" s="248"/>
      <c r="S26" s="248"/>
      <c r="T26" s="248"/>
      <c r="U26" s="248"/>
      <c r="V26" s="248"/>
      <c r="W26" s="248"/>
      <c r="X26" s="248"/>
      <c r="Y26" s="248"/>
      <c r="Z26" s="248"/>
      <c r="AA26" s="248"/>
      <c r="AB26" s="248"/>
      <c r="AC26" s="248"/>
      <c r="AD26" s="248"/>
      <c r="AE26" s="248"/>
      <c r="AF26" s="248"/>
      <c r="AG26" s="248"/>
      <c r="AH26" s="248"/>
      <c r="AI26" s="248"/>
      <c r="AJ26" s="248"/>
      <c r="AK26" s="248"/>
      <c r="AL26" s="248"/>
      <c r="AM26" s="248"/>
      <c r="AN26" s="248"/>
      <c r="AO26" s="248"/>
      <c r="AP26" s="248"/>
      <c r="AQ26" s="248"/>
      <c r="AR26" s="248"/>
      <c r="AS26" s="248"/>
      <c r="AT26" s="248"/>
      <c r="AU26" s="248"/>
      <c r="AV26" s="253"/>
      <c r="AW26" s="253"/>
      <c r="AX26" s="253"/>
      <c r="AY26" s="258"/>
    </row>
    <row r="27" spans="1:51" s="229" customFormat="1" ht="14.4" x14ac:dyDescent="0.2">
      <c r="A27" s="274"/>
      <c r="B27" s="518" t="s">
        <v>41</v>
      </c>
      <c r="C27" s="518"/>
      <c r="D27" s="275" t="s">
        <v>42</v>
      </c>
      <c r="E27" s="276"/>
      <c r="F27" s="275"/>
      <c r="G27" s="277"/>
      <c r="H27" s="248"/>
      <c r="I27" s="248"/>
      <c r="J27" s="248"/>
      <c r="K27" s="248"/>
      <c r="L27" s="248"/>
      <c r="M27" s="248"/>
      <c r="N27" s="248"/>
      <c r="O27" s="248"/>
      <c r="P27" s="248"/>
      <c r="Q27" s="248"/>
      <c r="R27" s="248"/>
      <c r="S27" s="248"/>
      <c r="T27" s="248"/>
      <c r="U27" s="248"/>
      <c r="V27" s="248"/>
      <c r="W27" s="248"/>
      <c r="X27" s="248"/>
      <c r="Y27" s="248"/>
      <c r="Z27" s="248"/>
      <c r="AA27" s="248"/>
      <c r="AB27" s="248"/>
      <c r="AC27" s="248"/>
      <c r="AD27" s="248"/>
      <c r="AE27" s="248"/>
      <c r="AF27" s="248"/>
      <c r="AG27" s="248"/>
      <c r="AH27" s="248"/>
      <c r="AI27" s="248"/>
      <c r="AJ27" s="248"/>
      <c r="AK27" s="248"/>
      <c r="AL27" s="248"/>
      <c r="AM27" s="248"/>
      <c r="AN27" s="248"/>
      <c r="AO27" s="248"/>
      <c r="AP27" s="248"/>
      <c r="AQ27" s="248"/>
      <c r="AR27" s="248"/>
      <c r="AS27" s="248"/>
      <c r="AT27" s="248"/>
      <c r="AU27" s="248"/>
      <c r="AV27" s="263"/>
      <c r="AW27" s="258"/>
      <c r="AX27" s="258"/>
      <c r="AY27" s="258"/>
    </row>
    <row r="28" spans="1:51" s="229" customFormat="1" ht="14.4" x14ac:dyDescent="0.2">
      <c r="A28" s="274"/>
      <c r="B28" s="277"/>
      <c r="C28" s="277"/>
      <c r="D28" s="275" t="s">
        <v>43</v>
      </c>
      <c r="E28" s="275"/>
      <c r="F28" s="275"/>
      <c r="G28" s="277"/>
      <c r="H28" s="248"/>
      <c r="I28" s="248"/>
      <c r="J28" s="248"/>
      <c r="K28" s="248"/>
      <c r="L28" s="248"/>
      <c r="M28" s="248"/>
      <c r="N28" s="248"/>
      <c r="O28" s="248"/>
      <c r="P28" s="248"/>
      <c r="Q28" s="248"/>
      <c r="R28" s="248"/>
      <c r="S28" s="248"/>
      <c r="T28" s="248"/>
      <c r="U28" s="248"/>
      <c r="V28" s="248"/>
      <c r="W28" s="248"/>
      <c r="X28" s="248"/>
      <c r="Y28" s="248"/>
      <c r="Z28" s="248"/>
      <c r="AA28" s="248"/>
      <c r="AB28" s="248"/>
      <c r="AC28" s="248"/>
      <c r="AD28" s="248"/>
      <c r="AE28" s="248"/>
      <c r="AF28" s="248"/>
      <c r="AG28" s="248"/>
      <c r="AH28" s="248"/>
      <c r="AI28" s="248"/>
      <c r="AJ28" s="248"/>
      <c r="AK28" s="248"/>
      <c r="AL28" s="248"/>
      <c r="AM28" s="248"/>
      <c r="AN28" s="248"/>
      <c r="AO28" s="248"/>
      <c r="AP28" s="248"/>
      <c r="AQ28" s="248"/>
      <c r="AR28" s="248"/>
      <c r="AS28" s="248"/>
      <c r="AT28" s="248"/>
      <c r="AU28" s="248"/>
      <c r="AV28" s="247"/>
      <c r="AW28" s="247"/>
      <c r="AX28" s="247"/>
      <c r="AY28" s="247"/>
    </row>
    <row r="29" spans="1:51" s="229" customFormat="1" ht="14.4" x14ac:dyDescent="0.2">
      <c r="A29" s="274"/>
      <c r="B29" s="518" t="s">
        <v>44</v>
      </c>
      <c r="C29" s="518"/>
      <c r="D29" s="275" t="s">
        <v>45</v>
      </c>
      <c r="E29" s="275"/>
      <c r="F29" s="275"/>
      <c r="G29" s="277"/>
      <c r="H29" s="248"/>
      <c r="I29" s="248"/>
      <c r="J29" s="248"/>
      <c r="K29" s="248"/>
      <c r="L29" s="248"/>
      <c r="M29" s="248"/>
      <c r="N29" s="248"/>
      <c r="O29" s="248"/>
      <c r="P29" s="248"/>
      <c r="Q29" s="248"/>
      <c r="R29" s="248"/>
      <c r="S29" s="248"/>
      <c r="T29" s="248"/>
      <c r="U29" s="248"/>
      <c r="V29" s="248"/>
      <c r="W29" s="248"/>
      <c r="X29" s="248"/>
      <c r="Y29" s="248"/>
      <c r="Z29" s="248"/>
      <c r="AA29" s="248"/>
      <c r="AB29" s="248"/>
      <c r="AC29" s="248"/>
      <c r="AD29" s="248"/>
      <c r="AE29" s="248"/>
      <c r="AF29" s="248"/>
      <c r="AG29" s="248"/>
      <c r="AH29" s="248"/>
      <c r="AI29" s="248"/>
      <c r="AJ29" s="248"/>
      <c r="AK29" s="248"/>
      <c r="AL29" s="248"/>
      <c r="AM29" s="248"/>
      <c r="AN29" s="248"/>
      <c r="AO29" s="248"/>
      <c r="AP29" s="248"/>
      <c r="AQ29" s="248"/>
      <c r="AR29" s="248"/>
      <c r="AS29" s="248"/>
      <c r="AT29" s="248"/>
      <c r="AU29" s="248"/>
      <c r="AV29" s="247"/>
      <c r="AW29" s="247"/>
      <c r="AX29" s="247"/>
      <c r="AY29" s="247"/>
    </row>
    <row r="30" spans="1:51" s="229" customFormat="1" ht="15" thickBot="1" x14ac:dyDescent="0.25">
      <c r="A30" s="274"/>
      <c r="B30" s="277"/>
      <c r="C30" s="277"/>
      <c r="D30" s="275" t="s">
        <v>46</v>
      </c>
      <c r="E30" s="275"/>
      <c r="F30" s="275"/>
      <c r="G30" s="277"/>
      <c r="H30" s="248"/>
      <c r="I30" s="248"/>
      <c r="J30" s="248"/>
      <c r="K30" s="248"/>
      <c r="L30" s="248"/>
      <c r="M30" s="248"/>
      <c r="N30" s="248"/>
      <c r="O30" s="248"/>
      <c r="P30" s="248"/>
      <c r="Q30" s="248"/>
      <c r="R30" s="248"/>
      <c r="S30" s="248"/>
      <c r="T30" s="248"/>
      <c r="U30" s="248"/>
      <c r="V30" s="248"/>
      <c r="W30" s="248"/>
      <c r="X30" s="248"/>
      <c r="Y30" s="248"/>
      <c r="Z30" s="248"/>
      <c r="AA30" s="248"/>
      <c r="AB30" s="248"/>
      <c r="AC30" s="248"/>
      <c r="AD30" s="248"/>
      <c r="AE30" s="248"/>
      <c r="AF30" s="248"/>
      <c r="AG30" s="248"/>
      <c r="AH30" s="248"/>
      <c r="AI30" s="248"/>
      <c r="AJ30" s="248"/>
      <c r="AK30" s="248"/>
      <c r="AL30" s="248"/>
      <c r="AM30" s="248"/>
      <c r="AN30" s="248"/>
      <c r="AO30" s="248"/>
      <c r="AP30" s="248"/>
      <c r="AQ30" s="248"/>
      <c r="AR30" s="248"/>
      <c r="AS30" s="248"/>
      <c r="AT30" s="248"/>
      <c r="AU30" s="248"/>
      <c r="AV30" s="247"/>
      <c r="AW30" s="247"/>
      <c r="AX30" s="247"/>
      <c r="AY30" s="247"/>
    </row>
    <row r="31" spans="1:51" s="229" customFormat="1" ht="14.4" x14ac:dyDescent="0.2">
      <c r="A31" s="274"/>
      <c r="B31" s="277"/>
      <c r="C31" s="277"/>
      <c r="D31" s="275" t="s">
        <v>47</v>
      </c>
      <c r="E31" s="275"/>
      <c r="F31" s="275"/>
      <c r="G31" s="277"/>
      <c r="H31" s="248"/>
      <c r="I31" s="248"/>
      <c r="J31" s="248"/>
      <c r="K31" s="248"/>
      <c r="L31" s="248"/>
      <c r="M31" s="248"/>
      <c r="N31" s="248"/>
      <c r="O31" s="248"/>
      <c r="P31" s="248"/>
      <c r="Q31" s="248"/>
      <c r="R31" s="248"/>
      <c r="S31" s="248"/>
      <c r="T31" s="248"/>
      <c r="U31" s="248"/>
      <c r="V31" s="248"/>
      <c r="W31" s="248"/>
      <c r="X31" s="248"/>
      <c r="Y31" s="248"/>
      <c r="Z31" s="248"/>
      <c r="AA31" s="248"/>
      <c r="AB31" s="248"/>
      <c r="AC31" s="248"/>
      <c r="AD31" s="248"/>
      <c r="AE31" s="248"/>
      <c r="AF31" s="248"/>
      <c r="AG31" s="248"/>
      <c r="AH31" s="248"/>
      <c r="AI31" s="248"/>
      <c r="AJ31" s="248"/>
      <c r="AK31" s="248"/>
      <c r="AL31" s="248"/>
      <c r="AM31" s="248"/>
      <c r="AN31" s="601"/>
      <c r="AO31" s="592"/>
      <c r="AP31" s="592"/>
      <c r="AQ31" s="592"/>
      <c r="AR31" s="592"/>
      <c r="AS31" s="592"/>
      <c r="AT31" s="592"/>
      <c r="AU31" s="248"/>
      <c r="AV31" s="248"/>
    </row>
    <row r="32" spans="1:51" s="229" customFormat="1" ht="14.4" x14ac:dyDescent="0.2">
      <c r="A32" s="274"/>
      <c r="B32" s="277"/>
      <c r="C32" s="277"/>
      <c r="D32" s="275" t="s">
        <v>48</v>
      </c>
      <c r="E32" s="275"/>
      <c r="F32" s="275"/>
      <c r="G32" s="277"/>
      <c r="H32" s="248"/>
      <c r="I32" s="248"/>
      <c r="J32" s="248"/>
      <c r="K32" s="248"/>
      <c r="L32" s="248"/>
      <c r="M32" s="248"/>
      <c r="N32" s="248"/>
      <c r="O32" s="248"/>
      <c r="P32" s="248"/>
      <c r="Q32" s="248"/>
      <c r="R32" s="248"/>
      <c r="S32" s="248"/>
      <c r="T32" s="248"/>
      <c r="U32" s="248"/>
      <c r="V32" s="248"/>
      <c r="W32" s="248"/>
      <c r="X32" s="248"/>
      <c r="Y32" s="248"/>
      <c r="Z32" s="248"/>
      <c r="AA32" s="248"/>
      <c r="AB32" s="248"/>
      <c r="AC32" s="248"/>
      <c r="AD32" s="248"/>
      <c r="AE32" s="248"/>
      <c r="AF32" s="248"/>
      <c r="AG32" s="278"/>
      <c r="AH32" s="279"/>
      <c r="AN32" s="592"/>
      <c r="AO32" s="592"/>
      <c r="AP32" s="592"/>
      <c r="AQ32" s="592"/>
      <c r="AR32" s="592"/>
      <c r="AS32" s="592"/>
      <c r="AT32" s="592"/>
    </row>
    <row r="33" spans="1:51" ht="14.4" x14ac:dyDescent="0.2">
      <c r="A33" s="280"/>
      <c r="B33" s="277"/>
      <c r="C33" s="277"/>
      <c r="D33" s="275" t="s">
        <v>49</v>
      </c>
      <c r="E33" s="275"/>
      <c r="F33" s="275"/>
      <c r="G33" s="277"/>
      <c r="AG33" s="279"/>
      <c r="AH33" s="279"/>
      <c r="AI33" s="281"/>
      <c r="AJ33" s="281"/>
      <c r="AK33" s="281"/>
      <c r="AL33" s="281"/>
      <c r="AM33" s="281"/>
      <c r="AN33" s="601"/>
      <c r="AO33" s="602"/>
      <c r="AP33" s="602"/>
      <c r="AQ33" s="343"/>
      <c r="AR33" s="343"/>
      <c r="AS33" s="344"/>
      <c r="AT33" s="344"/>
      <c r="AW33" s="244"/>
      <c r="AX33" s="244"/>
      <c r="AY33" s="244"/>
    </row>
    <row r="34" spans="1:51" ht="14.4" x14ac:dyDescent="0.2">
      <c r="A34" s="280"/>
      <c r="B34" s="282"/>
      <c r="C34" s="282"/>
      <c r="D34" s="275"/>
      <c r="E34" s="276"/>
      <c r="F34" s="276"/>
      <c r="G34" s="276"/>
      <c r="H34" s="227"/>
      <c r="I34" s="227"/>
      <c r="J34" s="227"/>
      <c r="AG34" s="263"/>
      <c r="AH34" s="253"/>
      <c r="AI34" s="281"/>
      <c r="AJ34" s="281"/>
      <c r="AK34" s="281"/>
      <c r="AL34" s="281"/>
      <c r="AM34" s="281"/>
      <c r="AN34" s="602"/>
      <c r="AO34" s="602"/>
      <c r="AP34" s="602"/>
      <c r="AQ34" s="343"/>
      <c r="AR34" s="343"/>
      <c r="AS34" s="344"/>
      <c r="AT34" s="344"/>
      <c r="AW34" s="283"/>
      <c r="AX34" s="283"/>
      <c r="AY34" s="283"/>
    </row>
    <row r="35" spans="1:51" ht="19.5" customHeight="1" x14ac:dyDescent="0.2">
      <c r="A35" s="280"/>
      <c r="B35" s="242"/>
      <c r="C35" s="242"/>
      <c r="D35" s="242"/>
      <c r="E35" s="242"/>
      <c r="F35" s="242"/>
      <c r="G35" s="242"/>
      <c r="H35" s="242"/>
      <c r="I35" s="242"/>
      <c r="J35" s="242"/>
      <c r="K35" s="242"/>
      <c r="L35" s="242"/>
      <c r="M35" s="242"/>
      <c r="N35" s="242"/>
      <c r="O35" s="242"/>
      <c r="P35" s="242"/>
      <c r="Q35" s="242"/>
      <c r="R35" s="242"/>
      <c r="S35" s="242"/>
      <c r="T35" s="242"/>
      <c r="U35" s="242"/>
      <c r="V35" s="242"/>
      <c r="W35" s="242"/>
      <c r="X35" s="242"/>
      <c r="Y35" s="242"/>
      <c r="Z35" s="242"/>
      <c r="AA35" s="242"/>
      <c r="AB35" s="242"/>
      <c r="AC35" s="242"/>
      <c r="AD35" s="242"/>
      <c r="AE35" s="242"/>
      <c r="AF35" s="242"/>
      <c r="AG35" s="242"/>
      <c r="AH35" s="253"/>
      <c r="AI35" s="284"/>
      <c r="AW35" s="283"/>
      <c r="AX35" s="285"/>
      <c r="AY35" s="285"/>
    </row>
    <row r="36" spans="1:51" ht="19.5" customHeight="1" x14ac:dyDescent="0.2">
      <c r="A36" s="280"/>
      <c r="B36" s="253"/>
      <c r="C36" s="253"/>
      <c r="D36" s="286"/>
      <c r="E36" s="286"/>
      <c r="F36" s="286"/>
      <c r="G36" s="286"/>
      <c r="H36" s="286"/>
      <c r="I36" s="286"/>
      <c r="J36" s="286"/>
      <c r="K36" s="286"/>
      <c r="L36" s="286"/>
      <c r="M36" s="286"/>
      <c r="N36" s="286"/>
      <c r="O36" s="286"/>
      <c r="P36" s="286"/>
      <c r="Q36" s="286"/>
      <c r="R36" s="286"/>
      <c r="S36" s="286"/>
      <c r="T36" s="286"/>
      <c r="U36" s="286"/>
      <c r="V36" s="286"/>
      <c r="W36" s="286"/>
      <c r="X36" s="286"/>
      <c r="Y36" s="286"/>
      <c r="Z36" s="286"/>
      <c r="AA36" s="286"/>
      <c r="AB36" s="286"/>
      <c r="AC36" s="286"/>
      <c r="AD36" s="286"/>
      <c r="AE36" s="286"/>
      <c r="AF36" s="286"/>
      <c r="AG36" s="286"/>
    </row>
    <row r="37" spans="1:51" ht="10.5" customHeight="1" x14ac:dyDescent="0.2"/>
    <row r="38" spans="1:51" ht="10.5" customHeight="1" x14ac:dyDescent="0.2"/>
    <row r="39" spans="1:51" ht="10.5" customHeight="1" x14ac:dyDescent="0.2"/>
    <row r="42" spans="1:51" ht="14.25" customHeight="1" x14ac:dyDescent="0.2"/>
  </sheetData>
  <mergeCells count="75">
    <mergeCell ref="P2:P4"/>
    <mergeCell ref="AE2:AT2"/>
    <mergeCell ref="AM6:AT6"/>
    <mergeCell ref="AE6:AL6"/>
    <mergeCell ref="AE3:AT5"/>
    <mergeCell ref="I23:J23"/>
    <mergeCell ref="O24:Q24"/>
    <mergeCell ref="U24:X24"/>
    <mergeCell ref="U23:W23"/>
    <mergeCell ref="L24:N24"/>
    <mergeCell ref="AN33:AP34"/>
    <mergeCell ref="AN31:AT32"/>
    <mergeCell ref="S10:V10"/>
    <mergeCell ref="S11:V12"/>
    <mergeCell ref="O17:Q21"/>
    <mergeCell ref="Z16:AC16"/>
    <mergeCell ref="Z23:Z24"/>
    <mergeCell ref="R17:T21"/>
    <mergeCell ref="B15:AT15"/>
    <mergeCell ref="I17:K18"/>
    <mergeCell ref="B16:B21"/>
    <mergeCell ref="Z17:Z22"/>
    <mergeCell ref="AA17:AC22"/>
    <mergeCell ref="I22:K22"/>
    <mergeCell ref="F24:H24"/>
    <mergeCell ref="F23:G23"/>
    <mergeCell ref="AU2:AY3"/>
    <mergeCell ref="AU4:AY7"/>
    <mergeCell ref="AA24:AC24"/>
    <mergeCell ref="R24:T24"/>
    <mergeCell ref="W11:AO12"/>
    <mergeCell ref="J2:J5"/>
    <mergeCell ref="K5:M5"/>
    <mergeCell ref="K2:M4"/>
    <mergeCell ref="N2:O4"/>
    <mergeCell ref="C21:E21"/>
    <mergeCell ref="F19:H19"/>
    <mergeCell ref="D11:E12"/>
    <mergeCell ref="F11:G12"/>
    <mergeCell ref="H11:I12"/>
    <mergeCell ref="B11:C12"/>
    <mergeCell ref="B9:I9"/>
    <mergeCell ref="P9:Q10"/>
    <mergeCell ref="L11:M12"/>
    <mergeCell ref="N11:O12"/>
    <mergeCell ref="L10:M10"/>
    <mergeCell ref="J10:K10"/>
    <mergeCell ref="J11:K12"/>
    <mergeCell ref="N10:O10"/>
    <mergeCell ref="P11:Q12"/>
    <mergeCell ref="D2:H2"/>
    <mergeCell ref="D10:E10"/>
    <mergeCell ref="B5:B6"/>
    <mergeCell ref="C5:C6"/>
    <mergeCell ref="H10:I10"/>
    <mergeCell ref="F10:G10"/>
    <mergeCell ref="B10:C10"/>
    <mergeCell ref="D5:D6"/>
    <mergeCell ref="E5:H6"/>
    <mergeCell ref="B1:AT1"/>
    <mergeCell ref="B29:C29"/>
    <mergeCell ref="I19:K19"/>
    <mergeCell ref="I21:K21"/>
    <mergeCell ref="F21:H21"/>
    <mergeCell ref="C19:E19"/>
    <mergeCell ref="C16:N16"/>
    <mergeCell ref="C17:H18"/>
    <mergeCell ref="B27:C27"/>
    <mergeCell ref="C22:E22"/>
    <mergeCell ref="F22:H22"/>
    <mergeCell ref="L17:N21"/>
    <mergeCell ref="C24:E24"/>
    <mergeCell ref="C23:D23"/>
    <mergeCell ref="I24:K24"/>
    <mergeCell ref="B2:C2"/>
  </mergeCells>
  <phoneticPr fontId="14"/>
  <printOptions verticalCentered="1"/>
  <pageMargins left="0.74803149606299213" right="0.31496062992125984" top="0.6692913385826772" bottom="0.39370078740157483" header="0.35433070866141736" footer="0.31496062992125984"/>
  <pageSetup paperSize="9" scale="75" orientation="landscape" r:id="rId1"/>
  <headerFooter alignWithMargins="0">
    <oddHeader xml:space="preserve">&amp;C&amp;18私 立 学 校 現 況 調 査 票 &amp;12(幼稚園用　その１)&amp;10
&amp;R&amp;18（令和&amp;KFF0000８&amp;K000000年度）&amp;11
</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pageSetUpPr fitToPage="1"/>
  </sheetPr>
  <dimension ref="A1:DL86"/>
  <sheetViews>
    <sheetView showGridLines="0" view="pageBreakPreview" zoomScale="85" zoomScaleNormal="85" zoomScaleSheetLayoutView="85" workbookViewId="0">
      <selection activeCell="BR2" sqref="BR2"/>
    </sheetView>
  </sheetViews>
  <sheetFormatPr defaultColWidth="8.88671875" defaultRowHeight="13.2" x14ac:dyDescent="0.2"/>
  <cols>
    <col min="1" max="1" width="3.6640625" style="161" customWidth="1"/>
    <col min="2" max="16" width="2.88671875" style="161" customWidth="1"/>
    <col min="17" max="17" width="7.21875" style="161" customWidth="1"/>
    <col min="18" max="73" width="2.88671875" style="161" customWidth="1"/>
    <col min="74" max="74" width="1.44140625" style="161" customWidth="1"/>
    <col min="75" max="16384" width="8.88671875" style="180"/>
  </cols>
  <sheetData>
    <row r="1" spans="1:116" ht="33" customHeight="1" x14ac:dyDescent="0.2">
      <c r="A1" s="648" t="s">
        <v>205</v>
      </c>
      <c r="B1" s="648"/>
      <c r="C1" s="648"/>
      <c r="D1" s="648"/>
      <c r="E1" s="648"/>
      <c r="F1" s="648"/>
      <c r="G1" s="648"/>
      <c r="H1" s="648"/>
      <c r="I1" s="648"/>
      <c r="J1" s="648"/>
      <c r="K1" s="648"/>
      <c r="L1" s="648"/>
      <c r="M1" s="648"/>
      <c r="N1" s="648"/>
      <c r="O1" s="648"/>
      <c r="P1" s="648"/>
      <c r="Q1" s="648"/>
      <c r="R1" s="648"/>
      <c r="S1" s="648"/>
      <c r="T1" s="648"/>
      <c r="U1" s="648"/>
      <c r="V1" s="648"/>
      <c r="W1" s="648"/>
      <c r="X1" s="648"/>
      <c r="Y1" s="648"/>
      <c r="Z1" s="648"/>
      <c r="AA1" s="648"/>
      <c r="AB1" s="648"/>
      <c r="AC1" s="648"/>
      <c r="AD1" s="648"/>
      <c r="AE1" s="648"/>
      <c r="AF1" s="648"/>
      <c r="AG1" s="648"/>
      <c r="AH1" s="648"/>
      <c r="AI1" s="648"/>
      <c r="AJ1" s="648"/>
      <c r="AK1" s="648"/>
      <c r="AL1" s="648"/>
      <c r="AM1" s="648"/>
      <c r="AN1" s="648"/>
      <c r="AO1" s="648"/>
      <c r="AP1" s="648"/>
      <c r="AQ1" s="648"/>
      <c r="AR1" s="648"/>
      <c r="AS1" s="648"/>
      <c r="AT1" s="648"/>
      <c r="AU1" s="648"/>
      <c r="AV1" s="648"/>
      <c r="AW1" s="648"/>
      <c r="AX1" s="648"/>
      <c r="AY1" s="648"/>
      <c r="AZ1" s="648"/>
      <c r="BA1" s="648"/>
      <c r="BB1" s="648"/>
      <c r="BC1" s="648"/>
      <c r="BD1" s="648"/>
      <c r="BE1" s="648"/>
      <c r="BF1" s="648"/>
      <c r="BG1" s="648"/>
      <c r="BH1" s="648"/>
      <c r="BI1" s="648"/>
      <c r="BJ1" s="648"/>
      <c r="BK1" s="648"/>
      <c r="BL1" s="648"/>
      <c r="BM1" s="648"/>
      <c r="BN1" s="648"/>
      <c r="BO1" s="648"/>
      <c r="BP1" s="648"/>
      <c r="BQ1" s="648"/>
      <c r="BR1" s="648"/>
      <c r="BS1" s="648"/>
      <c r="BT1" s="648"/>
      <c r="BU1" s="648"/>
      <c r="BV1" s="648"/>
    </row>
    <row r="2" spans="1:116" ht="21" x14ac:dyDescent="0.25">
      <c r="BV2" s="305" t="s">
        <v>230</v>
      </c>
    </row>
    <row r="3" spans="1:116" s="162" customFormat="1" ht="13.8" thickBot="1" x14ac:dyDescent="0.25">
      <c r="A3" s="161"/>
      <c r="B3" s="161"/>
      <c r="C3" s="161"/>
      <c r="D3" s="161"/>
      <c r="E3" s="161"/>
      <c r="F3" s="161"/>
      <c r="G3" s="161"/>
      <c r="H3" s="161"/>
      <c r="I3" s="161"/>
      <c r="J3" s="161"/>
      <c r="K3" s="161"/>
      <c r="L3" s="161"/>
      <c r="M3" s="161"/>
      <c r="N3" s="161"/>
      <c r="O3" s="161"/>
      <c r="P3" s="161"/>
      <c r="Q3" s="161"/>
      <c r="R3" s="161"/>
      <c r="S3" s="161"/>
      <c r="T3" s="161"/>
      <c r="U3" s="161"/>
      <c r="V3" s="161"/>
      <c r="W3" s="161"/>
      <c r="X3" s="161"/>
      <c r="Y3" s="161"/>
      <c r="Z3" s="161"/>
      <c r="AA3" s="161"/>
      <c r="AB3" s="161"/>
      <c r="AC3" s="161"/>
      <c r="AD3" s="161"/>
      <c r="AE3" s="161"/>
      <c r="AF3" s="161"/>
      <c r="AG3" s="161"/>
      <c r="AH3" s="161"/>
      <c r="AI3" s="161"/>
      <c r="AJ3" s="161"/>
      <c r="AK3" s="161"/>
      <c r="AL3" s="161"/>
      <c r="AM3" s="161"/>
      <c r="AN3" s="161"/>
      <c r="AO3" s="161"/>
      <c r="AP3" s="161"/>
      <c r="AQ3" s="161"/>
      <c r="AR3" s="161"/>
      <c r="AS3" s="161"/>
      <c r="AT3" s="161"/>
      <c r="AU3" s="161"/>
      <c r="AV3" s="161"/>
      <c r="AW3" s="161"/>
      <c r="AX3" s="161"/>
      <c r="AY3" s="161"/>
      <c r="AZ3" s="161"/>
      <c r="BA3" s="161"/>
      <c r="BB3" s="161"/>
      <c r="BC3" s="161"/>
      <c r="BD3" s="161"/>
      <c r="BE3" s="161"/>
      <c r="BF3" s="161"/>
      <c r="BG3" s="161"/>
      <c r="BH3" s="161"/>
      <c r="BI3" s="161"/>
      <c r="BJ3" s="161"/>
      <c r="BK3" s="161"/>
      <c r="BL3" s="161"/>
      <c r="BM3" s="161"/>
      <c r="BN3" s="161"/>
      <c r="BO3" s="161"/>
      <c r="BP3" s="161"/>
      <c r="BQ3" s="161"/>
      <c r="BR3" s="161"/>
      <c r="BS3" s="161"/>
      <c r="BT3" s="161"/>
      <c r="BU3" s="161"/>
      <c r="BV3" s="161"/>
    </row>
    <row r="4" spans="1:116" s="162" customFormat="1" ht="21.75" customHeight="1" x14ac:dyDescent="0.2">
      <c r="B4" s="662" t="s">
        <v>50</v>
      </c>
      <c r="C4" s="663"/>
      <c r="D4" s="666" t="s">
        <v>0</v>
      </c>
      <c r="E4" s="667"/>
      <c r="F4" s="667"/>
      <c r="G4" s="667"/>
      <c r="H4" s="667"/>
      <c r="I4" s="669"/>
      <c r="J4" s="594"/>
      <c r="K4" s="690" t="s">
        <v>152</v>
      </c>
      <c r="L4" s="691"/>
      <c r="M4" s="706" t="s">
        <v>153</v>
      </c>
      <c r="N4" s="667"/>
      <c r="O4" s="707"/>
      <c r="P4" s="667"/>
      <c r="Q4" s="667"/>
      <c r="R4" s="680"/>
      <c r="S4" s="163"/>
      <c r="T4" s="163"/>
      <c r="U4" s="164"/>
      <c r="V4" s="163"/>
      <c r="X4" s="166" t="s">
        <v>212</v>
      </c>
      <c r="Z4" s="166"/>
      <c r="AA4" s="165"/>
      <c r="AB4" s="165"/>
      <c r="AC4" s="165"/>
      <c r="AD4" s="165"/>
      <c r="AE4" s="165"/>
      <c r="AF4" s="165"/>
      <c r="AG4" s="165"/>
      <c r="AH4" s="165"/>
      <c r="AI4" s="54"/>
      <c r="AJ4" s="54"/>
      <c r="AK4" s="165"/>
      <c r="AL4" s="54"/>
      <c r="AM4" s="166"/>
      <c r="AN4" s="167"/>
      <c r="AO4" s="167"/>
      <c r="AP4" s="167"/>
      <c r="AQ4" s="167"/>
      <c r="AR4" s="167"/>
      <c r="AS4" s="167"/>
      <c r="AT4" s="167"/>
      <c r="AU4" s="168"/>
      <c r="AV4" s="168"/>
      <c r="AW4" s="168"/>
      <c r="AX4" s="168"/>
      <c r="AY4" s="339"/>
      <c r="AZ4" s="338"/>
      <c r="BA4" s="696" t="s">
        <v>150</v>
      </c>
      <c r="BB4" s="697"/>
      <c r="BC4" s="697"/>
      <c r="BD4" s="697"/>
      <c r="BE4" s="697"/>
      <c r="BF4" s="697"/>
      <c r="BG4" s="697"/>
      <c r="BH4" s="697"/>
      <c r="BI4" s="697"/>
      <c r="BJ4" s="697"/>
      <c r="BK4" s="697"/>
      <c r="BL4" s="697"/>
      <c r="BM4" s="697"/>
      <c r="BN4" s="697"/>
      <c r="BO4" s="697"/>
      <c r="BP4" s="697"/>
      <c r="BQ4" s="697"/>
      <c r="BR4" s="697"/>
      <c r="BS4" s="697"/>
      <c r="BT4" s="697"/>
      <c r="BU4" s="698"/>
    </row>
    <row r="5" spans="1:116" s="162" customFormat="1" ht="7.5" customHeight="1" x14ac:dyDescent="0.2">
      <c r="B5" s="664"/>
      <c r="C5" s="665"/>
      <c r="D5" s="668"/>
      <c r="E5" s="591"/>
      <c r="F5" s="591"/>
      <c r="G5" s="591"/>
      <c r="H5" s="591"/>
      <c r="I5" s="669"/>
      <c r="J5" s="594"/>
      <c r="K5" s="692"/>
      <c r="L5" s="693"/>
      <c r="M5" s="708"/>
      <c r="N5" s="591"/>
      <c r="O5" s="709"/>
      <c r="P5" s="591"/>
      <c r="Q5" s="591"/>
      <c r="R5" s="681"/>
      <c r="S5" s="163"/>
      <c r="T5" s="163"/>
      <c r="U5" s="163"/>
      <c r="V5" s="163"/>
      <c r="W5" s="163"/>
      <c r="X5" s="163"/>
      <c r="Y5" s="163"/>
      <c r="Z5" s="163"/>
      <c r="AA5" s="163"/>
      <c r="AB5" s="163"/>
      <c r="AC5" s="163"/>
      <c r="AD5" s="163"/>
      <c r="AE5" s="163"/>
      <c r="AF5" s="163"/>
      <c r="AG5" s="163"/>
      <c r="AH5" s="163"/>
      <c r="AI5" s="163"/>
      <c r="AJ5" s="163"/>
      <c r="AK5" s="163"/>
      <c r="AL5" s="163"/>
      <c r="AM5" s="169"/>
      <c r="AN5" s="169"/>
      <c r="AO5" s="169"/>
      <c r="AP5" s="169"/>
      <c r="AQ5" s="169"/>
      <c r="AR5" s="169"/>
      <c r="AS5" s="169"/>
      <c r="AT5" s="169"/>
      <c r="AU5" s="169"/>
      <c r="AV5" s="169"/>
      <c r="AW5" s="169"/>
      <c r="AX5" s="169"/>
      <c r="AY5" s="337"/>
      <c r="AZ5" s="338"/>
      <c r="BA5" s="699"/>
      <c r="BB5" s="700"/>
      <c r="BC5" s="700"/>
      <c r="BD5" s="700"/>
      <c r="BE5" s="700"/>
      <c r="BF5" s="700"/>
      <c r="BG5" s="700"/>
      <c r="BH5" s="700"/>
      <c r="BI5" s="700"/>
      <c r="BJ5" s="700"/>
      <c r="BK5" s="700"/>
      <c r="BL5" s="700"/>
      <c r="BM5" s="700"/>
      <c r="BN5" s="700"/>
      <c r="BO5" s="700"/>
      <c r="BP5" s="700"/>
      <c r="BQ5" s="700"/>
      <c r="BR5" s="700"/>
      <c r="BS5" s="700"/>
      <c r="BT5" s="700"/>
      <c r="BU5" s="701"/>
    </row>
    <row r="6" spans="1:116" s="162" customFormat="1" ht="9.75" customHeight="1" x14ac:dyDescent="0.2">
      <c r="B6" s="170"/>
      <c r="C6" s="171"/>
      <c r="D6" s="172"/>
      <c r="E6" s="173"/>
      <c r="F6" s="173"/>
      <c r="G6" s="173"/>
      <c r="H6" s="173"/>
      <c r="I6" s="669"/>
      <c r="J6" s="594"/>
      <c r="K6" s="692"/>
      <c r="L6" s="693"/>
      <c r="M6" s="710"/>
      <c r="N6" s="682"/>
      <c r="O6" s="711"/>
      <c r="P6" s="682"/>
      <c r="Q6" s="682"/>
      <c r="R6" s="683"/>
      <c r="S6" s="163"/>
      <c r="T6" s="163"/>
      <c r="U6" s="163"/>
      <c r="V6" s="163"/>
      <c r="W6" s="163"/>
      <c r="X6" s="163"/>
      <c r="Y6" s="163"/>
      <c r="Z6" s="163"/>
      <c r="AA6" s="163"/>
      <c r="AB6" s="163"/>
      <c r="AC6" s="163"/>
      <c r="AD6" s="163"/>
      <c r="AE6" s="163"/>
      <c r="AF6" s="163"/>
      <c r="AG6" s="163"/>
      <c r="AH6" s="163"/>
      <c r="AI6" s="163"/>
      <c r="AJ6" s="163"/>
      <c r="AK6" s="163"/>
      <c r="AL6" s="163"/>
      <c r="AM6" s="169"/>
      <c r="AN6" s="169"/>
      <c r="AO6" s="169"/>
      <c r="AP6" s="169"/>
      <c r="AQ6" s="169"/>
      <c r="AR6" s="169"/>
      <c r="AS6" s="169"/>
      <c r="AT6" s="169"/>
      <c r="AU6" s="169"/>
      <c r="AV6" s="169"/>
      <c r="AW6" s="169"/>
      <c r="AX6" s="169"/>
      <c r="AY6" s="337" t="str">
        <f>IF('その1（A4判）'!AE3="","",'その1（A4判）'!AE3)</f>
        <v/>
      </c>
      <c r="AZ6" s="338"/>
      <c r="BA6" s="696" t="str">
        <f>IF('その1（A4判）'!AE3="","",'その1（A4判）'!AE3)</f>
        <v/>
      </c>
      <c r="BB6" s="697"/>
      <c r="BC6" s="697"/>
      <c r="BD6" s="697"/>
      <c r="BE6" s="697"/>
      <c r="BF6" s="697"/>
      <c r="BG6" s="697"/>
      <c r="BH6" s="697"/>
      <c r="BI6" s="697"/>
      <c r="BJ6" s="697"/>
      <c r="BK6" s="697"/>
      <c r="BL6" s="697"/>
      <c r="BM6" s="697"/>
      <c r="BN6" s="697"/>
      <c r="BO6" s="697"/>
      <c r="BP6" s="697"/>
      <c r="BQ6" s="697"/>
      <c r="BR6" s="697"/>
      <c r="BS6" s="697"/>
      <c r="BT6" s="697"/>
      <c r="BU6" s="698"/>
    </row>
    <row r="7" spans="1:116" s="162" customFormat="1" ht="19.5" customHeight="1" x14ac:dyDescent="0.2">
      <c r="B7" s="684" t="s">
        <v>51</v>
      </c>
      <c r="C7" s="685" t="s">
        <v>51</v>
      </c>
      <c r="D7" s="686" t="s">
        <v>52</v>
      </c>
      <c r="E7" s="724" t="str">
        <f>IF('その1（A4判）'!E5="","",'その1（A4判）'!E5)</f>
        <v/>
      </c>
      <c r="F7" s="635"/>
      <c r="G7" s="635"/>
      <c r="H7" s="725"/>
      <c r="I7" s="669"/>
      <c r="J7" s="593"/>
      <c r="K7" s="692"/>
      <c r="L7" s="693"/>
      <c r="M7" s="673" t="s">
        <v>111</v>
      </c>
      <c r="N7" s="674"/>
      <c r="O7" s="675"/>
      <c r="P7" s="674"/>
      <c r="Q7" s="674"/>
      <c r="R7" s="688"/>
      <c r="S7" s="41"/>
      <c r="T7" s="41"/>
      <c r="U7" s="41"/>
      <c r="V7" s="41"/>
      <c r="W7" s="41"/>
      <c r="X7" s="41"/>
      <c r="Y7" s="41"/>
      <c r="Z7" s="41"/>
      <c r="AA7" s="41"/>
      <c r="AB7" s="41"/>
      <c r="AC7" s="41"/>
      <c r="AD7" s="41"/>
      <c r="AE7" s="41"/>
      <c r="AF7" s="41"/>
      <c r="AG7" s="41"/>
      <c r="AH7" s="41"/>
      <c r="AI7" s="41"/>
      <c r="AJ7" s="41"/>
      <c r="AK7" s="41"/>
      <c r="AL7" s="41"/>
      <c r="AM7" s="169"/>
      <c r="AN7" s="169"/>
      <c r="AO7" s="169"/>
      <c r="AP7" s="169"/>
      <c r="AQ7" s="169"/>
      <c r="AR7" s="169"/>
      <c r="AS7" s="169"/>
      <c r="AT7" s="169"/>
      <c r="AU7" s="169"/>
      <c r="AV7" s="169"/>
      <c r="AW7" s="169"/>
      <c r="AX7" s="169"/>
      <c r="AY7" s="337"/>
      <c r="AZ7" s="338"/>
      <c r="BA7" s="702"/>
      <c r="BB7" s="703"/>
      <c r="BC7" s="703"/>
      <c r="BD7" s="703"/>
      <c r="BE7" s="703"/>
      <c r="BF7" s="703"/>
      <c r="BG7" s="703"/>
      <c r="BH7" s="703"/>
      <c r="BI7" s="703"/>
      <c r="BJ7" s="703"/>
      <c r="BK7" s="703"/>
      <c r="BL7" s="703"/>
      <c r="BM7" s="703"/>
      <c r="BN7" s="703"/>
      <c r="BO7" s="703"/>
      <c r="BP7" s="703"/>
      <c r="BQ7" s="703"/>
      <c r="BR7" s="703"/>
      <c r="BS7" s="703"/>
      <c r="BT7" s="703"/>
      <c r="BU7" s="704"/>
    </row>
    <row r="8" spans="1:116" s="162" customFormat="1" ht="19.5" customHeight="1" thickBot="1" x14ac:dyDescent="0.25">
      <c r="B8" s="676"/>
      <c r="C8" s="678"/>
      <c r="D8" s="687"/>
      <c r="E8" s="726"/>
      <c r="F8" s="727"/>
      <c r="G8" s="727"/>
      <c r="H8" s="728"/>
      <c r="I8" s="669"/>
      <c r="J8" s="593"/>
      <c r="K8" s="694"/>
      <c r="L8" s="695"/>
      <c r="M8" s="676"/>
      <c r="N8" s="677"/>
      <c r="O8" s="678"/>
      <c r="P8" s="677"/>
      <c r="Q8" s="677"/>
      <c r="R8" s="689"/>
      <c r="S8" s="41"/>
      <c r="T8" s="41"/>
      <c r="U8" s="41"/>
      <c r="V8" s="41"/>
      <c r="W8" s="41"/>
      <c r="X8" s="41"/>
      <c r="Y8" s="41"/>
      <c r="Z8" s="41"/>
      <c r="AA8" s="41"/>
      <c r="AB8" s="41"/>
      <c r="AC8" s="41"/>
      <c r="AD8" s="41"/>
      <c r="AE8" s="41"/>
      <c r="AF8" s="41"/>
      <c r="AG8" s="41"/>
      <c r="AH8" s="41"/>
      <c r="AI8" s="41"/>
      <c r="AJ8" s="41"/>
      <c r="AK8" s="41"/>
      <c r="AL8" s="41"/>
      <c r="AM8" s="169"/>
      <c r="AN8" s="169"/>
      <c r="AO8" s="169"/>
      <c r="AP8" s="169"/>
      <c r="AQ8" s="169"/>
      <c r="AR8" s="169"/>
      <c r="AS8" s="169"/>
      <c r="AT8" s="169"/>
      <c r="AU8" s="169"/>
      <c r="AV8" s="169"/>
      <c r="AW8" s="169"/>
      <c r="AX8" s="169"/>
      <c r="AY8" s="337"/>
      <c r="AZ8" s="338"/>
      <c r="BA8" s="699"/>
      <c r="BB8" s="700"/>
      <c r="BC8" s="700"/>
      <c r="BD8" s="700"/>
      <c r="BE8" s="700"/>
      <c r="BF8" s="700"/>
      <c r="BG8" s="700"/>
      <c r="BH8" s="700"/>
      <c r="BI8" s="700"/>
      <c r="BJ8" s="700"/>
      <c r="BK8" s="700"/>
      <c r="BL8" s="700"/>
      <c r="BM8" s="700"/>
      <c r="BN8" s="700"/>
      <c r="BO8" s="700"/>
      <c r="BP8" s="700"/>
      <c r="BQ8" s="700"/>
      <c r="BR8" s="700"/>
      <c r="BS8" s="700"/>
      <c r="BT8" s="700"/>
      <c r="BU8" s="701"/>
    </row>
    <row r="9" spans="1:116" s="51" customFormat="1" ht="20.25" customHeight="1" x14ac:dyDescent="0.2">
      <c r="A9" s="679"/>
      <c r="B9" s="679"/>
      <c r="C9" s="679"/>
      <c r="D9" s="679"/>
      <c r="E9" s="679"/>
      <c r="F9" s="679"/>
      <c r="G9" s="679"/>
      <c r="H9" s="679"/>
      <c r="I9" s="679"/>
      <c r="J9" s="679"/>
      <c r="K9" s="679"/>
      <c r="L9" s="679"/>
      <c r="M9" s="679"/>
      <c r="N9" s="679"/>
      <c r="O9" s="679"/>
      <c r="P9" s="679"/>
      <c r="Q9" s="679"/>
      <c r="R9" s="679"/>
      <c r="S9" s="679"/>
      <c r="T9" s="679"/>
      <c r="U9" s="679"/>
      <c r="V9" s="679"/>
      <c r="W9" s="679"/>
      <c r="X9" s="679"/>
      <c r="Y9" s="679"/>
      <c r="Z9" s="679"/>
      <c r="AA9" s="679"/>
      <c r="AB9" s="679"/>
      <c r="AC9" s="679"/>
      <c r="AD9" s="679"/>
      <c r="AE9" s="679"/>
      <c r="AF9" s="679"/>
      <c r="AG9" s="679"/>
      <c r="AH9" s="679"/>
      <c r="AI9" s="679"/>
      <c r="AJ9" s="679"/>
      <c r="AK9" s="679"/>
      <c r="AL9" s="679"/>
      <c r="AM9" s="679"/>
      <c r="AN9" s="679"/>
      <c r="AO9" s="679"/>
      <c r="AP9" s="679"/>
      <c r="AQ9" s="679"/>
      <c r="AR9" s="679"/>
      <c r="AS9" s="679"/>
      <c r="AT9" s="679"/>
      <c r="AU9" s="679"/>
      <c r="AV9" s="679"/>
      <c r="AW9" s="679"/>
      <c r="AX9" s="679"/>
      <c r="AY9" s="679"/>
      <c r="AZ9" s="679"/>
      <c r="BA9" s="679"/>
      <c r="BB9" s="679"/>
      <c r="BC9" s="679"/>
      <c r="BD9" s="679"/>
      <c r="BE9" s="679"/>
      <c r="BF9" s="679"/>
      <c r="BG9" s="679"/>
      <c r="BH9" s="679"/>
      <c r="BI9" s="679"/>
      <c r="BJ9" s="679"/>
      <c r="BK9" s="679"/>
      <c r="BL9" s="679"/>
      <c r="BM9" s="679"/>
      <c r="BN9" s="679"/>
      <c r="BO9" s="679"/>
      <c r="BP9" s="679"/>
      <c r="BQ9" s="679"/>
      <c r="BR9" s="679"/>
      <c r="BS9" s="679"/>
      <c r="BT9" s="679"/>
      <c r="BU9" s="679"/>
      <c r="BV9" s="50"/>
    </row>
    <row r="10" spans="1:116" s="51" customFormat="1" ht="20.25" customHeight="1" x14ac:dyDescent="0.2">
      <c r="A10" s="330"/>
      <c r="B10" s="330"/>
      <c r="C10" s="330"/>
      <c r="D10" s="330"/>
      <c r="E10" s="330"/>
      <c r="F10" s="330"/>
      <c r="G10" s="330"/>
      <c r="H10" s="330"/>
      <c r="I10" s="330"/>
      <c r="J10" s="330"/>
      <c r="K10" s="330"/>
      <c r="L10" s="330"/>
      <c r="M10" s="330"/>
      <c r="N10" s="330"/>
      <c r="O10" s="330"/>
      <c r="P10" s="330"/>
      <c r="Q10" s="330"/>
      <c r="R10" s="330"/>
      <c r="S10" s="330"/>
      <c r="T10" s="330"/>
      <c r="U10" s="330"/>
      <c r="V10" s="330"/>
      <c r="W10" s="330"/>
      <c r="X10" s="330"/>
      <c r="Y10" s="330"/>
      <c r="Z10" s="330"/>
      <c r="AA10" s="330"/>
      <c r="AB10" s="330"/>
      <c r="AC10" s="330"/>
      <c r="AD10" s="330"/>
      <c r="AE10" s="330"/>
      <c r="AF10" s="330"/>
      <c r="AG10" s="330"/>
      <c r="AH10" s="330"/>
      <c r="AI10" s="330"/>
      <c r="AJ10" s="330"/>
      <c r="AK10" s="330"/>
      <c r="AL10" s="330"/>
      <c r="AM10" s="330"/>
      <c r="AN10" s="330"/>
      <c r="AO10" s="330"/>
      <c r="AP10" s="330"/>
      <c r="AQ10" s="330"/>
      <c r="AR10" s="330"/>
      <c r="AS10" s="330"/>
      <c r="AT10" s="330"/>
      <c r="AU10" s="330"/>
      <c r="AV10" s="330"/>
      <c r="AW10" s="330"/>
      <c r="AX10" s="330"/>
      <c r="AY10" s="330"/>
      <c r="AZ10" s="330"/>
      <c r="BA10" s="330"/>
      <c r="BB10" s="330"/>
      <c r="BC10" s="330"/>
      <c r="BD10" s="330"/>
      <c r="BE10" s="330"/>
      <c r="BF10" s="330"/>
      <c r="BG10" s="330"/>
      <c r="BH10" s="330"/>
      <c r="BI10" s="330"/>
      <c r="BJ10" s="330"/>
      <c r="BK10" s="330"/>
      <c r="BL10" s="330"/>
      <c r="BM10" s="330"/>
      <c r="BN10" s="330"/>
      <c r="BO10" s="330"/>
      <c r="BP10" s="330"/>
      <c r="BQ10" s="330"/>
      <c r="BR10" s="330"/>
      <c r="BS10" s="330"/>
      <c r="BT10" s="330"/>
      <c r="BU10" s="330"/>
      <c r="BV10" s="50"/>
    </row>
    <row r="11" spans="1:116" s="51" customFormat="1" ht="20.25" customHeight="1" thickBot="1" x14ac:dyDescent="0.25">
      <c r="A11" s="50"/>
      <c r="B11" s="49" t="s">
        <v>211</v>
      </c>
      <c r="C11" s="46"/>
      <c r="D11" s="46"/>
      <c r="E11" s="46"/>
      <c r="F11" s="46"/>
      <c r="G11" s="46"/>
      <c r="H11" s="46"/>
      <c r="I11" s="46"/>
      <c r="J11" s="46"/>
      <c r="K11" s="46"/>
      <c r="L11" s="46"/>
      <c r="M11" s="46"/>
      <c r="N11" s="46"/>
      <c r="O11" s="46"/>
      <c r="P11" s="46"/>
      <c r="Q11" s="46"/>
      <c r="R11" s="46"/>
      <c r="S11" s="46"/>
      <c r="T11" s="46"/>
      <c r="U11" s="46"/>
      <c r="V11" s="46"/>
      <c r="W11" s="46"/>
      <c r="X11" s="46"/>
      <c r="Y11" s="46"/>
      <c r="Z11" s="46"/>
      <c r="AA11" s="46"/>
      <c r="AB11" s="46"/>
      <c r="AC11" s="670" t="s">
        <v>130</v>
      </c>
      <c r="AD11" s="671"/>
      <c r="AE11" s="671"/>
      <c r="AF11" s="672"/>
      <c r="AG11" s="50"/>
      <c r="AH11" s="50"/>
      <c r="AI11" s="50"/>
      <c r="AJ11" s="50"/>
      <c r="AM11" s="57" t="s">
        <v>208</v>
      </c>
      <c r="AN11" s="174"/>
      <c r="AO11" s="174"/>
      <c r="AP11" s="174"/>
      <c r="AQ11" s="174"/>
      <c r="AR11" s="174"/>
      <c r="AS11" s="174"/>
      <c r="AT11" s="174"/>
      <c r="AU11" s="174"/>
      <c r="AV11" s="174"/>
      <c r="AW11" s="174"/>
      <c r="AX11" s="174"/>
      <c r="AY11" s="174"/>
      <c r="AZ11" s="174"/>
      <c r="BA11" s="174"/>
      <c r="BB11" s="174"/>
      <c r="BC11" s="174"/>
      <c r="BD11" s="174"/>
      <c r="BE11" s="174"/>
      <c r="BF11" s="174"/>
      <c r="BG11" s="174"/>
      <c r="BH11" s="174"/>
      <c r="BI11" s="174"/>
      <c r="BJ11" s="174"/>
      <c r="BK11" s="174"/>
      <c r="BL11" s="174"/>
      <c r="BM11" s="174"/>
      <c r="BN11" s="174"/>
      <c r="BO11" s="174"/>
      <c r="BP11" s="174"/>
      <c r="BQ11" s="174"/>
      <c r="BR11" s="712" t="s">
        <v>130</v>
      </c>
      <c r="BS11" s="712"/>
      <c r="BT11" s="712"/>
      <c r="BU11" s="712"/>
      <c r="BV11" s="165"/>
      <c r="BW11" s="165"/>
      <c r="BX11" s="165"/>
      <c r="BY11" s="165"/>
      <c r="CA11" s="50"/>
      <c r="CB11" s="50"/>
      <c r="CC11" s="50"/>
      <c r="CD11" s="53"/>
      <c r="CE11" s="54"/>
      <c r="CF11" s="53"/>
      <c r="CG11" s="53"/>
      <c r="CH11" s="53"/>
      <c r="CI11" s="53"/>
      <c r="CJ11" s="53"/>
      <c r="CK11" s="53"/>
      <c r="CL11" s="53"/>
      <c r="CM11" s="53"/>
      <c r="CN11" s="53"/>
      <c r="CO11" s="53"/>
      <c r="CP11" s="53"/>
      <c r="CQ11" s="53"/>
      <c r="CR11" s="53"/>
      <c r="CS11" s="53"/>
      <c r="CT11" s="53"/>
      <c r="CU11" s="53"/>
      <c r="CV11" s="53"/>
      <c r="CW11" s="53"/>
      <c r="CX11" s="53"/>
      <c r="CY11" s="53"/>
      <c r="CZ11" s="53"/>
      <c r="DA11" s="53"/>
      <c r="DB11" s="53"/>
      <c r="DC11" s="53"/>
      <c r="DD11" s="53"/>
      <c r="DE11" s="53"/>
      <c r="DF11" s="53"/>
      <c r="DG11" s="53"/>
      <c r="DH11" s="53"/>
      <c r="DI11" s="41"/>
      <c r="DJ11" s="41"/>
      <c r="DK11" s="41"/>
      <c r="DL11" s="41"/>
    </row>
    <row r="12" spans="1:116" s="51" customFormat="1" ht="20.25" customHeight="1" thickBot="1" x14ac:dyDescent="0.25">
      <c r="A12" s="50"/>
      <c r="B12" s="52" t="s">
        <v>160</v>
      </c>
      <c r="C12" s="53"/>
      <c r="D12" s="53"/>
      <c r="E12" s="53"/>
      <c r="F12" s="53"/>
      <c r="G12" s="53"/>
      <c r="H12" s="53"/>
      <c r="I12" s="54"/>
      <c r="J12" s="54"/>
      <c r="K12" s="54"/>
      <c r="L12" s="55"/>
      <c r="M12" s="49" t="s">
        <v>109</v>
      </c>
      <c r="N12" s="46"/>
      <c r="O12" s="46"/>
      <c r="P12" s="46"/>
      <c r="Q12" s="46"/>
      <c r="R12" s="46"/>
      <c r="S12" s="46"/>
      <c r="T12" s="46"/>
      <c r="U12" s="46"/>
      <c r="V12" s="46"/>
      <c r="W12" s="46"/>
      <c r="X12" s="46"/>
      <c r="Y12" s="46"/>
      <c r="Z12" s="46"/>
      <c r="AA12" s="46"/>
      <c r="AB12" s="42"/>
      <c r="AC12" s="655"/>
      <c r="AD12" s="656"/>
      <c r="AE12" s="656"/>
      <c r="AF12" s="657"/>
      <c r="AG12" s="50"/>
      <c r="AH12" s="50"/>
      <c r="AM12" s="61" t="s">
        <v>198</v>
      </c>
      <c r="AN12" s="46"/>
      <c r="AO12" s="46"/>
      <c r="AP12" s="46"/>
      <c r="AQ12" s="46"/>
      <c r="AR12" s="46"/>
      <c r="AS12" s="46"/>
      <c r="AT12" s="46"/>
      <c r="AU12" s="46"/>
      <c r="AV12" s="48"/>
      <c r="AW12" s="47"/>
      <c r="AX12" s="47"/>
      <c r="AY12" s="47"/>
      <c r="AZ12" s="47"/>
      <c r="BA12" s="47"/>
      <c r="BB12" s="47"/>
      <c r="BC12" s="48"/>
      <c r="BD12" s="57" t="s">
        <v>109</v>
      </c>
      <c r="BE12" s="174"/>
      <c r="BF12" s="174"/>
      <c r="BG12" s="174"/>
      <c r="BH12" s="174"/>
      <c r="BI12" s="174"/>
      <c r="BJ12" s="174"/>
      <c r="BK12" s="174"/>
      <c r="BL12" s="174"/>
      <c r="BM12" s="174"/>
      <c r="BN12" s="174"/>
      <c r="BO12" s="174"/>
      <c r="BP12" s="174"/>
      <c r="BQ12" s="174"/>
      <c r="BR12" s="713"/>
      <c r="BS12" s="714"/>
      <c r="BT12" s="714"/>
      <c r="BU12" s="715"/>
      <c r="BV12" s="165"/>
      <c r="BW12" s="165"/>
      <c r="BX12" s="165"/>
      <c r="BY12" s="165"/>
      <c r="CA12" s="50"/>
      <c r="CB12" s="50"/>
      <c r="CC12" s="50"/>
      <c r="CD12" s="50"/>
      <c r="CE12" s="53"/>
      <c r="CF12" s="53"/>
      <c r="CG12" s="53"/>
      <c r="CH12" s="53"/>
      <c r="CI12" s="53"/>
      <c r="CJ12" s="53"/>
      <c r="CK12" s="53"/>
      <c r="CL12" s="53"/>
      <c r="CM12" s="53"/>
      <c r="CN12" s="54"/>
      <c r="CO12" s="53"/>
      <c r="CP12" s="53"/>
      <c r="CQ12" s="53"/>
      <c r="CR12" s="53"/>
      <c r="CS12" s="53"/>
      <c r="CT12" s="53"/>
      <c r="CU12" s="53"/>
      <c r="CV12" s="53"/>
      <c r="CW12" s="53"/>
      <c r="CX12" s="53"/>
      <c r="CY12" s="53"/>
      <c r="CZ12" s="53"/>
      <c r="DA12" s="53"/>
      <c r="DB12" s="53"/>
      <c r="DC12" s="53"/>
      <c r="DD12" s="53"/>
      <c r="DE12" s="53"/>
      <c r="DF12" s="53"/>
      <c r="DG12" s="53"/>
      <c r="DH12" s="53"/>
      <c r="DI12" s="41"/>
      <c r="DJ12" s="41"/>
      <c r="DK12" s="41"/>
      <c r="DL12" s="41"/>
    </row>
    <row r="13" spans="1:116" s="51" customFormat="1" ht="20.25" customHeight="1" thickBot="1" x14ac:dyDescent="0.25">
      <c r="A13" s="50"/>
      <c r="B13" s="63" t="s">
        <v>161</v>
      </c>
      <c r="C13" s="64"/>
      <c r="D13" s="64"/>
      <c r="E13" s="64"/>
      <c r="F13" s="64"/>
      <c r="G13" s="64"/>
      <c r="H13" s="64"/>
      <c r="I13" s="67"/>
      <c r="J13" s="67"/>
      <c r="K13" s="67"/>
      <c r="L13" s="68"/>
      <c r="M13" s="57" t="s">
        <v>110</v>
      </c>
      <c r="N13" s="58"/>
      <c r="O13" s="58"/>
      <c r="P13" s="58"/>
      <c r="Q13" s="58"/>
      <c r="R13" s="58"/>
      <c r="S13" s="58"/>
      <c r="T13" s="58"/>
      <c r="U13" s="58"/>
      <c r="V13" s="58"/>
      <c r="W13" s="58"/>
      <c r="X13" s="58"/>
      <c r="Y13" s="58"/>
      <c r="Z13" s="58"/>
      <c r="AA13" s="58"/>
      <c r="AB13" s="334"/>
      <c r="AC13" s="655"/>
      <c r="AD13" s="656"/>
      <c r="AE13" s="656"/>
      <c r="AF13" s="657"/>
      <c r="AG13" s="50"/>
      <c r="AH13" s="50"/>
      <c r="AM13" s="52" t="s">
        <v>196</v>
      </c>
      <c r="AN13" s="53"/>
      <c r="AO13" s="53"/>
      <c r="AP13" s="53"/>
      <c r="AQ13" s="53"/>
      <c r="AR13" s="53"/>
      <c r="AS13" s="53"/>
      <c r="AT13" s="53"/>
      <c r="AU13" s="53"/>
      <c r="AV13" s="55"/>
      <c r="AW13" s="54"/>
      <c r="AX13" s="54"/>
      <c r="AY13" s="54"/>
      <c r="AZ13" s="54"/>
      <c r="BA13" s="54"/>
      <c r="BB13" s="54"/>
      <c r="BC13" s="55"/>
      <c r="BD13" s="49" t="s">
        <v>110</v>
      </c>
      <c r="BE13" s="47"/>
      <c r="BF13" s="174"/>
      <c r="BG13" s="174"/>
      <c r="BH13" s="174"/>
      <c r="BI13" s="174"/>
      <c r="BJ13" s="174"/>
      <c r="BK13" s="174"/>
      <c r="BL13" s="174"/>
      <c r="BM13" s="174"/>
      <c r="BN13" s="174"/>
      <c r="BO13" s="174"/>
      <c r="BP13" s="174"/>
      <c r="BQ13" s="174"/>
      <c r="BR13" s="716"/>
      <c r="BS13" s="717"/>
      <c r="BT13" s="717"/>
      <c r="BU13" s="718"/>
      <c r="BV13" s="165"/>
      <c r="BW13" s="165"/>
      <c r="BX13" s="165"/>
      <c r="BY13" s="165"/>
      <c r="CA13" s="50"/>
      <c r="CB13" s="50"/>
      <c r="CC13" s="50"/>
      <c r="CD13" s="50"/>
      <c r="CE13" s="53"/>
      <c r="CF13" s="53"/>
      <c r="CG13" s="53"/>
      <c r="CH13" s="53"/>
      <c r="CI13" s="53"/>
      <c r="CJ13" s="53"/>
      <c r="CK13" s="53"/>
      <c r="CL13" s="53"/>
      <c r="CM13" s="53"/>
      <c r="CN13" s="54"/>
      <c r="CO13" s="53"/>
      <c r="CP13" s="53"/>
      <c r="CQ13" s="53"/>
      <c r="CR13" s="53"/>
      <c r="CS13" s="53"/>
      <c r="CT13" s="53"/>
      <c r="CU13" s="53"/>
      <c r="CV13" s="53"/>
      <c r="CW13" s="53"/>
      <c r="CX13" s="53"/>
      <c r="CY13" s="53"/>
      <c r="CZ13" s="53"/>
      <c r="DA13" s="53"/>
      <c r="DB13" s="53"/>
      <c r="DC13" s="53"/>
      <c r="DD13" s="53"/>
      <c r="DE13" s="53"/>
      <c r="DF13" s="53"/>
      <c r="DG13" s="53"/>
      <c r="DH13" s="53"/>
      <c r="DI13" s="53"/>
      <c r="DJ13" s="53"/>
      <c r="DK13" s="53"/>
      <c r="DL13" s="53"/>
    </row>
    <row r="14" spans="1:116" s="51" customFormat="1" ht="19.8" customHeight="1" thickBot="1" x14ac:dyDescent="0.25">
      <c r="A14" s="50"/>
      <c r="AG14" s="50"/>
      <c r="AH14" s="50"/>
      <c r="AM14" s="52" t="s">
        <v>197</v>
      </c>
      <c r="AN14" s="53"/>
      <c r="AO14" s="53"/>
      <c r="AP14" s="53"/>
      <c r="AQ14" s="53"/>
      <c r="AR14" s="53"/>
      <c r="AS14" s="53"/>
      <c r="AT14" s="53"/>
      <c r="AU14" s="53"/>
      <c r="AV14" s="53"/>
      <c r="AW14" s="309"/>
      <c r="AX14" s="309"/>
      <c r="AY14" s="309"/>
      <c r="AZ14" s="309"/>
      <c r="BA14" s="309"/>
      <c r="BB14" s="309"/>
      <c r="BC14" s="310"/>
      <c r="BD14" s="49" t="s">
        <v>194</v>
      </c>
      <c r="BE14" s="47"/>
      <c r="BF14" s="174"/>
      <c r="BG14" s="174"/>
      <c r="BH14" s="174"/>
      <c r="BI14" s="174"/>
      <c r="BJ14" s="174"/>
      <c r="BK14" s="174"/>
      <c r="BL14" s="174"/>
      <c r="BM14" s="174"/>
      <c r="BN14" s="174"/>
      <c r="BO14" s="174"/>
      <c r="BP14" s="174"/>
      <c r="BQ14" s="174"/>
      <c r="BR14" s="713"/>
      <c r="BS14" s="714"/>
      <c r="BT14" s="714"/>
      <c r="BU14" s="715"/>
      <c r="BV14" s="79"/>
      <c r="BW14" s="79"/>
      <c r="BX14" s="79"/>
      <c r="BY14" s="79"/>
      <c r="CA14" s="50"/>
      <c r="CB14" s="50"/>
      <c r="CC14" s="50"/>
      <c r="CD14" s="53"/>
      <c r="CE14" s="53"/>
      <c r="CF14" s="53"/>
      <c r="CG14" s="53"/>
      <c r="CH14" s="53"/>
      <c r="CI14" s="53"/>
      <c r="CJ14" s="53"/>
      <c r="CK14" s="53"/>
      <c r="CL14" s="53"/>
      <c r="CM14" s="53"/>
      <c r="CN14" s="53"/>
      <c r="CO14" s="53"/>
      <c r="CP14" s="53"/>
      <c r="CQ14" s="53"/>
      <c r="CR14" s="53"/>
      <c r="CS14" s="53"/>
      <c r="CT14" s="53"/>
      <c r="CU14" s="53"/>
      <c r="CV14" s="53"/>
      <c r="CW14" s="53"/>
      <c r="CX14" s="53"/>
      <c r="CY14" s="53"/>
      <c r="CZ14" s="53"/>
      <c r="DA14" s="53"/>
      <c r="DB14" s="53"/>
      <c r="DC14" s="53"/>
      <c r="DD14" s="53"/>
      <c r="DE14" s="78"/>
      <c r="DF14" s="78"/>
      <c r="DG14" s="78"/>
      <c r="DH14" s="79"/>
    </row>
    <row r="15" spans="1:116" s="51" customFormat="1" ht="20.25" customHeight="1" thickBot="1" x14ac:dyDescent="0.25">
      <c r="A15" s="50"/>
      <c r="B15" s="57" t="s">
        <v>206</v>
      </c>
      <c r="C15" s="58"/>
      <c r="D15" s="58"/>
      <c r="E15" s="58"/>
      <c r="F15" s="58"/>
      <c r="G15" s="58"/>
      <c r="H15" s="58"/>
      <c r="I15" s="58"/>
      <c r="J15" s="58"/>
      <c r="K15" s="58"/>
      <c r="L15" s="58"/>
      <c r="M15" s="58"/>
      <c r="N15" s="58"/>
      <c r="O15" s="58"/>
      <c r="P15" s="58"/>
      <c r="Q15" s="58"/>
      <c r="R15" s="58"/>
      <c r="S15" s="58"/>
      <c r="T15" s="58"/>
      <c r="U15" s="58"/>
      <c r="V15" s="58"/>
      <c r="W15" s="58"/>
      <c r="X15" s="58"/>
      <c r="Y15" s="58"/>
      <c r="Z15" s="58"/>
      <c r="AA15" s="58"/>
      <c r="AB15" s="58"/>
      <c r="AC15" s="670" t="s">
        <v>130</v>
      </c>
      <c r="AD15" s="671"/>
      <c r="AE15" s="671"/>
      <c r="AF15" s="672"/>
      <c r="AG15" s="50"/>
      <c r="AH15" s="50"/>
      <c r="AM15" s="63"/>
      <c r="AN15" s="64"/>
      <c r="AO15" s="64"/>
      <c r="AP15" s="311"/>
      <c r="AQ15" s="311"/>
      <c r="AR15" s="311"/>
      <c r="AS15" s="311"/>
      <c r="AT15" s="311"/>
      <c r="AU15" s="311"/>
      <c r="AV15" s="311"/>
      <c r="AW15" s="64"/>
      <c r="AX15" s="64"/>
      <c r="AY15" s="64"/>
      <c r="AZ15" s="64"/>
      <c r="BA15" s="64"/>
      <c r="BB15" s="64"/>
      <c r="BC15" s="70"/>
      <c r="BD15" s="72"/>
      <c r="BE15" s="67"/>
      <c r="BF15" s="57" t="s">
        <v>195</v>
      </c>
      <c r="BG15" s="174"/>
      <c r="BH15" s="174"/>
      <c r="BI15" s="174"/>
      <c r="BJ15" s="174"/>
      <c r="BK15" s="174"/>
      <c r="BL15" s="174"/>
      <c r="BM15" s="174"/>
      <c r="BN15" s="174"/>
      <c r="BO15" s="174"/>
      <c r="BP15" s="174"/>
      <c r="BQ15" s="174"/>
      <c r="BR15" s="713"/>
      <c r="BS15" s="714"/>
      <c r="BT15" s="714"/>
      <c r="BU15" s="715"/>
      <c r="BV15" s="53"/>
      <c r="BW15" s="53"/>
      <c r="BX15" s="53"/>
      <c r="BY15" s="53"/>
      <c r="CA15" s="50"/>
      <c r="CB15" s="50"/>
      <c r="CC15" s="50"/>
      <c r="CD15" s="50"/>
      <c r="CE15" s="50"/>
      <c r="CF15" s="50"/>
      <c r="CG15" s="50"/>
      <c r="CH15" s="50"/>
      <c r="CI15" s="50"/>
      <c r="CJ15" s="50"/>
      <c r="CK15" s="50"/>
      <c r="CL15" s="50"/>
      <c r="CM15" s="50"/>
      <c r="CN15" s="50"/>
      <c r="CO15" s="50"/>
      <c r="CP15" s="50"/>
      <c r="CQ15" s="50"/>
      <c r="CR15" s="50"/>
      <c r="CS15" s="50"/>
      <c r="CT15" s="50"/>
      <c r="CU15" s="50"/>
      <c r="CV15" s="50"/>
      <c r="CW15" s="50"/>
      <c r="CX15" s="50"/>
      <c r="CY15" s="50"/>
      <c r="CZ15" s="50"/>
      <c r="DA15" s="50"/>
      <c r="DB15" s="50"/>
      <c r="DC15" s="50"/>
      <c r="DD15" s="50"/>
      <c r="DE15" s="50"/>
      <c r="DF15" s="50"/>
      <c r="DG15" s="50"/>
      <c r="DH15" s="50"/>
    </row>
    <row r="16" spans="1:116" s="51" customFormat="1" ht="20.25" customHeight="1" thickBot="1" x14ac:dyDescent="0.25">
      <c r="A16" s="50"/>
      <c r="B16" s="61" t="s">
        <v>107</v>
      </c>
      <c r="C16" s="46"/>
      <c r="D16" s="46"/>
      <c r="E16" s="46"/>
      <c r="F16" s="53"/>
      <c r="G16" s="53"/>
      <c r="H16" s="53"/>
      <c r="I16" s="53"/>
      <c r="J16" s="53"/>
      <c r="K16" s="53"/>
      <c r="L16" s="53"/>
      <c r="M16" s="49" t="s">
        <v>109</v>
      </c>
      <c r="N16" s="46"/>
      <c r="O16" s="46"/>
      <c r="P16" s="46"/>
      <c r="Q16" s="46"/>
      <c r="R16" s="46"/>
      <c r="S16" s="46"/>
      <c r="T16" s="46"/>
      <c r="U16" s="46"/>
      <c r="V16" s="46"/>
      <c r="W16" s="46"/>
      <c r="X16" s="46"/>
      <c r="Y16" s="46"/>
      <c r="Z16" s="46"/>
      <c r="AA16" s="46"/>
      <c r="AB16" s="46"/>
      <c r="AC16" s="655"/>
      <c r="AD16" s="656"/>
      <c r="AE16" s="656"/>
      <c r="AF16" s="657"/>
      <c r="AG16" s="50"/>
      <c r="AH16" s="50"/>
      <c r="BV16" s="50"/>
      <c r="BW16" s="50"/>
      <c r="BX16" s="50"/>
      <c r="BY16" s="50"/>
      <c r="CA16" s="50"/>
      <c r="CB16" s="50"/>
      <c r="CC16" s="50"/>
    </row>
    <row r="17" spans="1:108" s="51" customFormat="1" ht="20.25" customHeight="1" thickBot="1" x14ac:dyDescent="0.25">
      <c r="A17" s="50"/>
      <c r="B17" s="52" t="s">
        <v>108</v>
      </c>
      <c r="C17" s="53"/>
      <c r="D17" s="53"/>
      <c r="E17" s="53"/>
      <c r="F17" s="53"/>
      <c r="G17" s="53"/>
      <c r="H17" s="53"/>
      <c r="I17" s="53"/>
      <c r="J17" s="53"/>
      <c r="K17" s="53"/>
      <c r="L17" s="53"/>
      <c r="M17" s="49" t="s">
        <v>110</v>
      </c>
      <c r="N17" s="46"/>
      <c r="O17" s="46"/>
      <c r="P17" s="46"/>
      <c r="Q17" s="46"/>
      <c r="R17" s="46"/>
      <c r="S17" s="46"/>
      <c r="T17" s="46"/>
      <c r="U17" s="46"/>
      <c r="V17" s="46"/>
      <c r="W17" s="46"/>
      <c r="X17" s="46"/>
      <c r="Y17" s="46"/>
      <c r="Z17" s="46"/>
      <c r="AA17" s="46"/>
      <c r="AB17" s="46"/>
      <c r="AC17" s="655"/>
      <c r="AD17" s="656"/>
      <c r="AE17" s="656"/>
      <c r="AF17" s="657"/>
      <c r="AG17" s="50"/>
      <c r="AH17" s="50"/>
      <c r="AM17" s="57" t="s">
        <v>209</v>
      </c>
      <c r="AN17" s="174"/>
      <c r="AO17" s="174"/>
      <c r="AP17" s="174"/>
      <c r="AQ17" s="174"/>
      <c r="AR17" s="174"/>
      <c r="AS17" s="174"/>
      <c r="AT17" s="174"/>
      <c r="AU17" s="174"/>
      <c r="AV17" s="174"/>
      <c r="AW17" s="174"/>
      <c r="AX17" s="174"/>
      <c r="AY17" s="174"/>
      <c r="AZ17" s="174"/>
      <c r="BA17" s="174"/>
      <c r="BB17" s="174"/>
      <c r="BC17" s="174"/>
      <c r="BD17" s="174"/>
      <c r="BE17" s="174"/>
      <c r="BF17" s="174"/>
      <c r="BG17" s="174"/>
      <c r="BH17" s="174"/>
      <c r="BI17" s="174"/>
      <c r="BJ17" s="174"/>
      <c r="BK17" s="174"/>
      <c r="BL17" s="174"/>
      <c r="BM17" s="174"/>
      <c r="BN17" s="174"/>
      <c r="BO17" s="174"/>
      <c r="BP17" s="174"/>
      <c r="BQ17" s="174"/>
      <c r="BR17" s="712" t="s">
        <v>130</v>
      </c>
      <c r="BS17" s="712"/>
      <c r="BT17" s="712"/>
      <c r="BU17" s="712"/>
      <c r="BV17" s="165"/>
      <c r="BW17" s="165"/>
      <c r="BX17" s="165"/>
      <c r="BY17" s="165"/>
      <c r="BZ17" s="50"/>
      <c r="CA17" s="50"/>
      <c r="CB17" s="50"/>
      <c r="CC17" s="50"/>
    </row>
    <row r="18" spans="1:108" s="51" customFormat="1" ht="20.25" customHeight="1" thickBot="1" x14ac:dyDescent="0.25">
      <c r="A18" s="50"/>
      <c r="B18" s="52" t="s">
        <v>160</v>
      </c>
      <c r="C18" s="53"/>
      <c r="D18" s="53"/>
      <c r="E18" s="53"/>
      <c r="F18" s="53"/>
      <c r="G18" s="53"/>
      <c r="H18" s="53"/>
      <c r="I18" s="53"/>
      <c r="J18" s="53"/>
      <c r="K18" s="53"/>
      <c r="L18" s="53"/>
      <c r="M18" s="52"/>
      <c r="N18" s="53"/>
      <c r="O18" s="59" t="s">
        <v>131</v>
      </c>
      <c r="P18" s="60"/>
      <c r="Q18" s="60"/>
      <c r="R18" s="60"/>
      <c r="S18" s="60"/>
      <c r="T18" s="60"/>
      <c r="U18" s="60"/>
      <c r="V18" s="60"/>
      <c r="W18" s="60"/>
      <c r="X18" s="60"/>
      <c r="Y18" s="60"/>
      <c r="Z18" s="60"/>
      <c r="AA18" s="60"/>
      <c r="AB18" s="60"/>
      <c r="AC18" s="658"/>
      <c r="AD18" s="659"/>
      <c r="AE18" s="659"/>
      <c r="AF18" s="660"/>
      <c r="AG18" s="50"/>
      <c r="AH18" s="50"/>
      <c r="AM18" s="52" t="s">
        <v>198</v>
      </c>
      <c r="AN18" s="53"/>
      <c r="AO18" s="53"/>
      <c r="AP18" s="53"/>
      <c r="AQ18" s="53"/>
      <c r="AR18" s="53"/>
      <c r="AS18" s="53"/>
      <c r="AT18" s="53"/>
      <c r="AU18" s="53"/>
      <c r="AV18" s="48"/>
      <c r="AW18" s="54"/>
      <c r="AX18" s="54"/>
      <c r="AY18" s="54"/>
      <c r="AZ18" s="54"/>
      <c r="BA18" s="54"/>
      <c r="BB18" s="54"/>
      <c r="BC18" s="54"/>
      <c r="BD18" s="57" t="s">
        <v>109</v>
      </c>
      <c r="BE18" s="174"/>
      <c r="BF18" s="174"/>
      <c r="BG18" s="174"/>
      <c r="BH18" s="174"/>
      <c r="BI18" s="174"/>
      <c r="BJ18" s="174"/>
      <c r="BK18" s="174"/>
      <c r="BL18" s="174"/>
      <c r="BM18" s="174"/>
      <c r="BN18" s="174"/>
      <c r="BO18" s="174"/>
      <c r="BP18" s="174"/>
      <c r="BQ18" s="174"/>
      <c r="BR18" s="713"/>
      <c r="BS18" s="714"/>
      <c r="BT18" s="714"/>
      <c r="BU18" s="715"/>
      <c r="BV18" s="165"/>
      <c r="BW18" s="165"/>
      <c r="BX18" s="165"/>
      <c r="BY18" s="165"/>
    </row>
    <row r="19" spans="1:108" s="51" customFormat="1" ht="20.25" customHeight="1" thickBot="1" x14ac:dyDescent="0.25">
      <c r="B19" s="52" t="s">
        <v>161</v>
      </c>
      <c r="C19" s="50"/>
      <c r="D19" s="50"/>
      <c r="E19" s="50"/>
      <c r="F19" s="50"/>
      <c r="G19" s="50"/>
      <c r="H19" s="50"/>
      <c r="I19" s="50"/>
      <c r="J19" s="50"/>
      <c r="K19" s="50"/>
      <c r="L19" s="50"/>
      <c r="M19" s="52"/>
      <c r="N19" s="56"/>
      <c r="O19" s="62" t="s">
        <v>132</v>
      </c>
      <c r="P19" s="43"/>
      <c r="Q19" s="43"/>
      <c r="R19" s="43"/>
      <c r="S19" s="43"/>
      <c r="T19" s="43"/>
      <c r="U19" s="43"/>
      <c r="V19" s="43"/>
      <c r="W19" s="43"/>
      <c r="X19" s="43"/>
      <c r="Y19" s="43"/>
      <c r="Z19" s="43"/>
      <c r="AA19" s="43"/>
      <c r="AB19" s="43"/>
      <c r="AC19" s="649"/>
      <c r="AD19" s="650"/>
      <c r="AE19" s="650"/>
      <c r="AF19" s="651"/>
      <c r="AG19" s="50"/>
      <c r="AH19" s="50"/>
      <c r="AI19" s="169" t="s">
        <v>214</v>
      </c>
      <c r="AJ19" s="50"/>
      <c r="AM19" s="52" t="s">
        <v>192</v>
      </c>
      <c r="AN19" s="53"/>
      <c r="AO19" s="53"/>
      <c r="AP19" s="53"/>
      <c r="AQ19" s="53"/>
      <c r="AR19" s="53"/>
      <c r="AS19" s="53"/>
      <c r="AT19" s="53"/>
      <c r="AU19" s="53"/>
      <c r="AV19" s="55"/>
      <c r="AW19" s="54"/>
      <c r="AX19" s="54"/>
      <c r="AY19" s="54"/>
      <c r="AZ19" s="54"/>
      <c r="BA19" s="54"/>
      <c r="BB19" s="54"/>
      <c r="BC19" s="54"/>
      <c r="BD19" s="49" t="s">
        <v>110</v>
      </c>
      <c r="BE19" s="47"/>
      <c r="BF19" s="47"/>
      <c r="BG19" s="47"/>
      <c r="BH19" s="47"/>
      <c r="BI19" s="47"/>
      <c r="BJ19" s="47"/>
      <c r="BK19" s="47"/>
      <c r="BL19" s="47"/>
      <c r="BM19" s="47"/>
      <c r="BN19" s="47"/>
      <c r="BO19" s="47"/>
      <c r="BP19" s="47"/>
      <c r="BQ19" s="47"/>
      <c r="BR19" s="713"/>
      <c r="BS19" s="714"/>
      <c r="BT19" s="714"/>
      <c r="BU19" s="715"/>
      <c r="BV19" s="165"/>
      <c r="BW19" s="165"/>
      <c r="BX19" s="165"/>
      <c r="BY19" s="165"/>
    </row>
    <row r="20" spans="1:108" s="51" customFormat="1" ht="20.25" customHeight="1" thickBot="1" x14ac:dyDescent="0.25">
      <c r="A20" s="50"/>
      <c r="B20" s="52"/>
      <c r="C20" s="50"/>
      <c r="D20" s="50"/>
      <c r="E20" s="50"/>
      <c r="F20" s="50"/>
      <c r="G20" s="50"/>
      <c r="H20" s="50"/>
      <c r="I20" s="50"/>
      <c r="J20" s="50"/>
      <c r="K20" s="50"/>
      <c r="L20" s="50"/>
      <c r="M20" s="52"/>
      <c r="N20" s="56"/>
      <c r="O20" s="62" t="s">
        <v>133</v>
      </c>
      <c r="P20" s="43"/>
      <c r="Q20" s="43"/>
      <c r="R20" s="43"/>
      <c r="S20" s="43"/>
      <c r="T20" s="43"/>
      <c r="U20" s="43"/>
      <c r="V20" s="43"/>
      <c r="W20" s="43"/>
      <c r="X20" s="43"/>
      <c r="Y20" s="43"/>
      <c r="Z20" s="43"/>
      <c r="AA20" s="43"/>
      <c r="AB20" s="43"/>
      <c r="AC20" s="649"/>
      <c r="AD20" s="650"/>
      <c r="AE20" s="650"/>
      <c r="AF20" s="651"/>
      <c r="AG20" s="50"/>
      <c r="AH20" s="50"/>
      <c r="AI20" s="341" t="s">
        <v>215</v>
      </c>
      <c r="AJ20" s="50"/>
      <c r="AM20" s="63"/>
      <c r="AN20" s="64"/>
      <c r="AO20" s="64"/>
      <c r="AP20" s="64"/>
      <c r="AQ20" s="64"/>
      <c r="AR20" s="64"/>
      <c r="AS20" s="64"/>
      <c r="AT20" s="64"/>
      <c r="AU20" s="64"/>
      <c r="AV20" s="67"/>
      <c r="AW20" s="67"/>
      <c r="AX20" s="64"/>
      <c r="AY20" s="64"/>
      <c r="AZ20" s="64"/>
      <c r="BA20" s="64"/>
      <c r="BB20" s="64"/>
      <c r="BC20" s="64"/>
      <c r="BD20" s="72"/>
      <c r="BE20" s="67"/>
      <c r="BF20" s="57" t="s">
        <v>193</v>
      </c>
      <c r="BG20" s="174"/>
      <c r="BH20" s="174"/>
      <c r="BI20" s="174"/>
      <c r="BJ20" s="174"/>
      <c r="BK20" s="174"/>
      <c r="BL20" s="174"/>
      <c r="BM20" s="174"/>
      <c r="BN20" s="174"/>
      <c r="BO20" s="174"/>
      <c r="BP20" s="174"/>
      <c r="BQ20" s="174"/>
      <c r="BR20" s="719"/>
      <c r="BS20" s="720"/>
      <c r="BT20" s="720"/>
      <c r="BU20" s="331" t="s">
        <v>191</v>
      </c>
      <c r="BV20" s="165"/>
      <c r="BW20" s="165"/>
      <c r="BX20" s="165"/>
      <c r="BY20" s="165"/>
    </row>
    <row r="21" spans="1:108" s="51" customFormat="1" ht="20.25" customHeight="1" thickBot="1" x14ac:dyDescent="0.25">
      <c r="A21" s="50"/>
      <c r="B21" s="63"/>
      <c r="C21" s="50"/>
      <c r="D21" s="50"/>
      <c r="E21" s="50"/>
      <c r="F21" s="50"/>
      <c r="G21" s="50"/>
      <c r="H21" s="50"/>
      <c r="I21" s="50"/>
      <c r="J21" s="50"/>
      <c r="K21" s="50"/>
      <c r="L21" s="50"/>
      <c r="M21" s="63"/>
      <c r="N21" s="70"/>
      <c r="O21" s="65" t="s">
        <v>137</v>
      </c>
      <c r="P21" s="66"/>
      <c r="Q21" s="66"/>
      <c r="R21" s="66"/>
      <c r="S21" s="66"/>
      <c r="T21" s="66"/>
      <c r="U21" s="66"/>
      <c r="V21" s="66"/>
      <c r="W21" s="66"/>
      <c r="X21" s="66"/>
      <c r="Y21" s="66"/>
      <c r="Z21" s="66"/>
      <c r="AA21" s="66"/>
      <c r="AB21" s="66"/>
      <c r="AC21" s="652"/>
      <c r="AD21" s="653"/>
      <c r="AE21" s="653"/>
      <c r="AF21" s="654"/>
      <c r="AG21" s="50"/>
      <c r="AH21" s="50"/>
      <c r="AI21" s="50"/>
      <c r="AJ21" s="50"/>
      <c r="AM21" s="46"/>
      <c r="AN21" s="46"/>
      <c r="AO21" s="46"/>
      <c r="AP21" s="46"/>
      <c r="AQ21" s="46"/>
      <c r="AR21" s="46"/>
      <c r="AS21" s="46"/>
      <c r="AT21" s="46"/>
      <c r="AU21" s="46"/>
      <c r="AV21" s="46"/>
      <c r="AW21" s="50"/>
      <c r="AX21" s="161"/>
      <c r="AY21" s="161"/>
      <c r="AZ21" s="161"/>
      <c r="BA21" s="161"/>
      <c r="BB21" s="161"/>
      <c r="BC21" s="161"/>
      <c r="BD21" s="46"/>
      <c r="BE21" s="46"/>
      <c r="BF21" s="46"/>
      <c r="BG21" s="46"/>
      <c r="BH21" s="46"/>
      <c r="BI21" s="46"/>
      <c r="BJ21" s="46"/>
      <c r="BK21" s="46"/>
      <c r="BL21" s="46"/>
      <c r="BM21" s="46"/>
      <c r="BN21" s="46"/>
      <c r="BO21" s="46"/>
      <c r="BP21" s="46"/>
      <c r="BQ21" s="46"/>
      <c r="BR21" s="46"/>
      <c r="BS21" s="46"/>
      <c r="BT21" s="46"/>
      <c r="BU21" s="46"/>
      <c r="BV21" s="165"/>
      <c r="BW21" s="165"/>
      <c r="BX21" s="165"/>
      <c r="BY21" s="165"/>
    </row>
    <row r="22" spans="1:108" s="51" customFormat="1" ht="20.25" customHeight="1" thickBot="1" x14ac:dyDescent="0.25">
      <c r="A22" s="50"/>
      <c r="B22" s="61" t="s">
        <v>134</v>
      </c>
      <c r="C22" s="46"/>
      <c r="D22" s="46"/>
      <c r="E22" s="46"/>
      <c r="F22" s="46"/>
      <c r="G22" s="46"/>
      <c r="H22" s="46"/>
      <c r="I22" s="46"/>
      <c r="J22" s="46"/>
      <c r="K22" s="46"/>
      <c r="L22" s="46"/>
      <c r="M22" s="46"/>
      <c r="N22" s="46"/>
      <c r="O22" s="46"/>
      <c r="P22" s="46"/>
      <c r="Q22" s="46"/>
      <c r="R22" s="46"/>
      <c r="S22" s="46"/>
      <c r="T22" s="46"/>
      <c r="U22" s="46"/>
      <c r="V22" s="46"/>
      <c r="W22" s="46"/>
      <c r="X22" s="46"/>
      <c r="Y22" s="46"/>
      <c r="Z22" s="46"/>
      <c r="AA22" s="46"/>
      <c r="AB22" s="46"/>
      <c r="AC22" s="46"/>
      <c r="AD22" s="46"/>
      <c r="AE22" s="46"/>
      <c r="AF22" s="71"/>
      <c r="AG22" s="50"/>
      <c r="AH22" s="50"/>
      <c r="AI22" s="50"/>
      <c r="AJ22" s="50"/>
      <c r="AM22" s="57" t="s">
        <v>210</v>
      </c>
      <c r="AN22" s="58"/>
      <c r="AO22" s="58"/>
      <c r="AP22" s="58"/>
      <c r="AQ22" s="58"/>
      <c r="AR22" s="58"/>
      <c r="AS22" s="58"/>
      <c r="AT22" s="58"/>
      <c r="AU22" s="58"/>
      <c r="AV22" s="58"/>
      <c r="AW22" s="58"/>
      <c r="AX22" s="58"/>
      <c r="AY22" s="58"/>
      <c r="AZ22" s="58"/>
      <c r="BA22" s="58"/>
      <c r="BB22" s="58"/>
      <c r="BC22" s="58"/>
      <c r="BD22" s="58"/>
      <c r="BE22" s="58"/>
      <c r="BF22" s="58"/>
      <c r="BG22" s="58"/>
      <c r="BH22" s="58"/>
      <c r="BI22" s="58"/>
      <c r="BJ22" s="58"/>
      <c r="BK22" s="58"/>
      <c r="BL22" s="58"/>
      <c r="BM22" s="58"/>
      <c r="BN22" s="58"/>
      <c r="BO22" s="58"/>
      <c r="BP22" s="58"/>
      <c r="BQ22" s="58"/>
      <c r="BR22" s="670" t="s">
        <v>130</v>
      </c>
      <c r="BS22" s="671"/>
      <c r="BT22" s="671"/>
      <c r="BU22" s="672"/>
    </row>
    <row r="23" spans="1:108" s="51" customFormat="1" ht="20.25" customHeight="1" thickBot="1" x14ac:dyDescent="0.25">
      <c r="A23" s="50"/>
      <c r="B23" s="69"/>
      <c r="C23" s="54"/>
      <c r="D23" s="593"/>
      <c r="E23" s="593"/>
      <c r="F23" s="593"/>
      <c r="G23" s="593"/>
      <c r="H23" s="593"/>
      <c r="I23" s="593"/>
      <c r="J23" s="593"/>
      <c r="K23" s="593"/>
      <c r="L23" s="593"/>
      <c r="M23" s="593"/>
      <c r="N23" s="593"/>
      <c r="O23" s="593"/>
      <c r="P23" s="593"/>
      <c r="Q23" s="593"/>
      <c r="R23" s="593"/>
      <c r="S23" s="593"/>
      <c r="T23" s="593"/>
      <c r="U23" s="593"/>
      <c r="V23" s="593"/>
      <c r="W23" s="593"/>
      <c r="X23" s="593"/>
      <c r="Y23" s="593"/>
      <c r="Z23" s="593"/>
      <c r="AA23" s="593"/>
      <c r="AB23" s="593"/>
      <c r="AC23" s="593"/>
      <c r="AD23" s="593"/>
      <c r="AE23" s="73"/>
      <c r="AF23" s="56"/>
      <c r="AG23" s="50"/>
      <c r="AH23" s="50"/>
      <c r="AI23" s="50"/>
      <c r="AJ23" s="50"/>
      <c r="AM23" s="52" t="s">
        <v>138</v>
      </c>
      <c r="AN23" s="53"/>
      <c r="AO23" s="53"/>
      <c r="AP23" s="53"/>
      <c r="AQ23" s="53"/>
      <c r="AR23" s="53"/>
      <c r="AS23" s="53"/>
      <c r="AT23" s="53"/>
      <c r="AU23" s="53"/>
      <c r="AV23" s="53"/>
      <c r="AW23" s="53"/>
      <c r="AX23" s="53"/>
      <c r="AY23" s="53"/>
      <c r="AZ23" s="53"/>
      <c r="BA23" s="53"/>
      <c r="BB23" s="53"/>
      <c r="BC23" s="53"/>
      <c r="BD23" s="53"/>
      <c r="BE23" s="53"/>
      <c r="BF23" s="53"/>
      <c r="BG23" s="53"/>
      <c r="BH23" s="53"/>
      <c r="BI23" s="53"/>
      <c r="BJ23" s="53"/>
      <c r="BK23" s="53"/>
      <c r="BL23" s="53"/>
      <c r="BM23" s="53"/>
      <c r="BN23" s="721" t="s">
        <v>135</v>
      </c>
      <c r="BO23" s="721"/>
      <c r="BP23" s="721"/>
      <c r="BQ23" s="722"/>
      <c r="BR23" s="655"/>
      <c r="BS23" s="656"/>
      <c r="BT23" s="656"/>
      <c r="BU23" s="657"/>
      <c r="CA23" s="176"/>
    </row>
    <row r="24" spans="1:108" s="51" customFormat="1" ht="20.25" customHeight="1" thickBot="1" x14ac:dyDescent="0.25">
      <c r="A24" s="50"/>
      <c r="B24" s="69"/>
      <c r="C24" s="54"/>
      <c r="D24" s="593"/>
      <c r="E24" s="593"/>
      <c r="F24" s="593"/>
      <c r="G24" s="593"/>
      <c r="H24" s="593"/>
      <c r="I24" s="593"/>
      <c r="J24" s="593"/>
      <c r="K24" s="593"/>
      <c r="L24" s="593"/>
      <c r="M24" s="593"/>
      <c r="N24" s="593"/>
      <c r="O24" s="593"/>
      <c r="P24" s="593"/>
      <c r="Q24" s="593"/>
      <c r="R24" s="593"/>
      <c r="S24" s="593"/>
      <c r="T24" s="593"/>
      <c r="U24" s="593"/>
      <c r="V24" s="593"/>
      <c r="W24" s="593"/>
      <c r="X24" s="593"/>
      <c r="Y24" s="593"/>
      <c r="Z24" s="593"/>
      <c r="AA24" s="593"/>
      <c r="AB24" s="593"/>
      <c r="AC24" s="593"/>
      <c r="AD24" s="593"/>
      <c r="AE24" s="73"/>
      <c r="AF24" s="56"/>
      <c r="AG24" s="50"/>
      <c r="AH24" s="50"/>
      <c r="AI24" s="50"/>
      <c r="AJ24" s="50"/>
      <c r="AM24" s="63" t="s">
        <v>159</v>
      </c>
      <c r="AN24" s="64"/>
      <c r="AO24" s="64"/>
      <c r="AP24" s="64"/>
      <c r="AQ24" s="64"/>
      <c r="AR24" s="64"/>
      <c r="AS24" s="64"/>
      <c r="AT24" s="64"/>
      <c r="AU24" s="64"/>
      <c r="AV24" s="64"/>
      <c r="AW24" s="64"/>
      <c r="AX24" s="64"/>
      <c r="AY24" s="64"/>
      <c r="AZ24" s="64"/>
      <c r="BA24" s="64"/>
      <c r="BB24" s="64"/>
      <c r="BC24" s="64"/>
      <c r="BD24" s="64"/>
      <c r="BE24" s="64"/>
      <c r="BF24" s="64"/>
      <c r="BG24" s="64"/>
      <c r="BH24" s="64"/>
      <c r="BI24" s="64"/>
      <c r="BJ24" s="64"/>
      <c r="BK24" s="64"/>
      <c r="BL24" s="64"/>
      <c r="BM24" s="64"/>
      <c r="BN24" s="721" t="s">
        <v>136</v>
      </c>
      <c r="BO24" s="721"/>
      <c r="BP24" s="721"/>
      <c r="BQ24" s="722"/>
      <c r="BR24" s="655"/>
      <c r="BS24" s="656"/>
      <c r="BT24" s="656"/>
      <c r="BU24" s="657"/>
      <c r="CA24" s="176"/>
    </row>
    <row r="25" spans="1:108" s="51" customFormat="1" ht="20.25" customHeight="1" x14ac:dyDescent="0.2">
      <c r="A25" s="50"/>
      <c r="B25" s="72"/>
      <c r="C25" s="67"/>
      <c r="D25" s="661"/>
      <c r="E25" s="661"/>
      <c r="F25" s="661"/>
      <c r="G25" s="661"/>
      <c r="H25" s="661"/>
      <c r="I25" s="661"/>
      <c r="J25" s="661"/>
      <c r="K25" s="661"/>
      <c r="L25" s="661"/>
      <c r="M25" s="661"/>
      <c r="N25" s="661"/>
      <c r="O25" s="661"/>
      <c r="P25" s="661"/>
      <c r="Q25" s="661"/>
      <c r="R25" s="661"/>
      <c r="S25" s="661"/>
      <c r="T25" s="661"/>
      <c r="U25" s="661"/>
      <c r="V25" s="661"/>
      <c r="W25" s="661"/>
      <c r="X25" s="661"/>
      <c r="Y25" s="661"/>
      <c r="Z25" s="661"/>
      <c r="AA25" s="661"/>
      <c r="AB25" s="661"/>
      <c r="AC25" s="661"/>
      <c r="AD25" s="661"/>
      <c r="AE25" s="64"/>
      <c r="AF25" s="70"/>
      <c r="AG25" s="50"/>
      <c r="AH25" s="50"/>
      <c r="AI25" s="50"/>
      <c r="AJ25" s="50"/>
      <c r="AM25" s="50"/>
      <c r="AN25" s="50"/>
      <c r="AO25" s="50"/>
      <c r="AP25" s="50"/>
      <c r="AQ25" s="50"/>
      <c r="AR25" s="50"/>
      <c r="AS25" s="50"/>
      <c r="AT25" s="50"/>
      <c r="AU25" s="50"/>
      <c r="AV25" s="50"/>
      <c r="AW25" s="50"/>
      <c r="AX25" s="50"/>
      <c r="AY25" s="50"/>
      <c r="AZ25" s="50"/>
      <c r="BA25" s="50"/>
      <c r="BB25" s="50"/>
      <c r="BC25" s="53"/>
      <c r="BD25" s="50"/>
      <c r="BE25" s="50"/>
      <c r="BF25" s="50"/>
      <c r="BG25" s="50"/>
      <c r="BH25" s="50"/>
      <c r="BI25" s="50"/>
      <c r="BJ25" s="50"/>
      <c r="BK25" s="50"/>
      <c r="BL25" s="50"/>
      <c r="BM25" s="50"/>
      <c r="BN25" s="50"/>
      <c r="BO25" s="50"/>
      <c r="BP25" s="50"/>
      <c r="BQ25" s="50"/>
      <c r="BS25" s="50"/>
      <c r="BT25" s="50"/>
      <c r="BU25" s="50"/>
      <c r="BY25" s="50"/>
    </row>
    <row r="26" spans="1:108" s="51" customFormat="1" ht="20.25" customHeight="1" x14ac:dyDescent="0.2">
      <c r="A26" s="50"/>
      <c r="B26" s="50"/>
      <c r="C26" s="50"/>
      <c r="D26" s="50"/>
      <c r="E26" s="50"/>
      <c r="F26" s="50"/>
      <c r="G26" s="50"/>
      <c r="H26" s="50"/>
      <c r="I26" s="50"/>
      <c r="J26" s="50"/>
      <c r="K26" s="50"/>
      <c r="L26" s="50"/>
      <c r="M26" s="161"/>
      <c r="N26" s="161"/>
      <c r="O26" s="161"/>
      <c r="P26" s="161"/>
      <c r="Q26" s="161"/>
      <c r="R26" s="161"/>
      <c r="S26" s="50"/>
      <c r="T26" s="50"/>
      <c r="U26" s="50"/>
      <c r="V26" s="50"/>
      <c r="W26" s="50"/>
      <c r="X26" s="50"/>
      <c r="Y26" s="50"/>
      <c r="Z26" s="50"/>
      <c r="AA26" s="50"/>
      <c r="AB26" s="50"/>
      <c r="AC26" s="50"/>
      <c r="AD26" s="50"/>
      <c r="AE26" s="50"/>
      <c r="AF26" s="50"/>
      <c r="AG26" s="50"/>
      <c r="AH26" s="50"/>
      <c r="AI26" s="50"/>
      <c r="AJ26" s="50"/>
      <c r="AL26" s="54"/>
      <c r="AM26" s="392"/>
      <c r="AN26" s="388"/>
      <c r="AO26" s="388"/>
      <c r="AP26" s="388"/>
      <c r="AQ26" s="388"/>
      <c r="AR26" s="388"/>
      <c r="AS26" s="388"/>
      <c r="AT26" s="388"/>
      <c r="AU26" s="388"/>
      <c r="AV26" s="388"/>
      <c r="AW26" s="388"/>
      <c r="AX26" s="388"/>
      <c r="AY26" s="388"/>
      <c r="AZ26" s="54"/>
      <c r="BA26" s="54"/>
      <c r="BB26" s="54"/>
      <c r="BC26" s="54"/>
      <c r="BD26" s="54"/>
      <c r="BE26" s="54"/>
      <c r="BF26" s="54"/>
      <c r="BG26" s="54"/>
      <c r="BH26" s="54"/>
      <c r="BI26" s="54"/>
      <c r="BJ26" s="54"/>
      <c r="BK26" s="54"/>
      <c r="BL26" s="54"/>
      <c r="BM26" s="54"/>
      <c r="BN26" s="54"/>
      <c r="BO26" s="54"/>
      <c r="BP26" s="54"/>
      <c r="BQ26" s="54"/>
      <c r="BR26" s="723"/>
      <c r="BS26" s="723"/>
      <c r="BT26" s="723"/>
      <c r="BU26" s="723"/>
      <c r="BV26" s="306"/>
      <c r="BW26" s="306"/>
      <c r="BX26" s="306"/>
      <c r="BY26" s="306"/>
      <c r="BZ26" s="50"/>
      <c r="CA26" s="50"/>
      <c r="CB26" s="50"/>
      <c r="CC26" s="50"/>
      <c r="CD26" s="50"/>
      <c r="CE26" s="50"/>
      <c r="CF26" s="50"/>
      <c r="CG26" s="50"/>
      <c r="CH26" s="50"/>
      <c r="CI26" s="50"/>
      <c r="CJ26" s="50"/>
      <c r="CK26" s="50"/>
      <c r="CL26" s="50"/>
      <c r="CM26" s="50"/>
      <c r="CN26" s="50"/>
      <c r="CO26" s="50"/>
      <c r="CP26" s="50"/>
      <c r="CQ26" s="50"/>
      <c r="CR26" s="50"/>
      <c r="CS26" s="50"/>
      <c r="CT26" s="50"/>
      <c r="CU26" s="50"/>
      <c r="CV26" s="50"/>
      <c r="CW26" s="50"/>
      <c r="CX26" s="50"/>
      <c r="CY26" s="50"/>
      <c r="CZ26" s="50"/>
      <c r="DA26" s="50"/>
      <c r="DB26" s="50"/>
      <c r="DC26" s="50"/>
      <c r="DD26" s="50"/>
    </row>
    <row r="27" spans="1:108" s="51" customFormat="1" ht="20.25" customHeight="1" thickBot="1" x14ac:dyDescent="0.25">
      <c r="A27" s="50"/>
      <c r="B27" s="49" t="s">
        <v>207</v>
      </c>
      <c r="C27" s="46"/>
      <c r="D27" s="46"/>
      <c r="E27" s="46"/>
      <c r="F27" s="46"/>
      <c r="G27" s="46"/>
      <c r="H27" s="46"/>
      <c r="I27" s="46"/>
      <c r="J27" s="46"/>
      <c r="K27" s="46"/>
      <c r="L27" s="46"/>
      <c r="M27" s="46"/>
      <c r="N27" s="46"/>
      <c r="O27" s="46"/>
      <c r="P27" s="46"/>
      <c r="Q27" s="46"/>
      <c r="R27" s="46"/>
      <c r="S27" s="46"/>
      <c r="T27" s="46"/>
      <c r="U27" s="46"/>
      <c r="V27" s="46"/>
      <c r="W27" s="46"/>
      <c r="X27" s="46"/>
      <c r="Y27" s="46"/>
      <c r="Z27" s="46"/>
      <c r="AA27" s="46"/>
      <c r="AB27" s="58"/>
      <c r="AC27" s="670" t="s">
        <v>130</v>
      </c>
      <c r="AD27" s="671"/>
      <c r="AE27" s="671"/>
      <c r="AF27" s="672"/>
      <c r="AH27" s="50"/>
      <c r="AI27" s="50"/>
      <c r="AJ27" s="50"/>
      <c r="AL27" s="54"/>
      <c r="AM27" s="392"/>
      <c r="AN27" s="388"/>
      <c r="AO27" s="388"/>
      <c r="AP27" s="388"/>
      <c r="AQ27" s="388"/>
      <c r="AR27" s="388"/>
      <c r="AS27" s="388"/>
      <c r="AT27" s="388"/>
      <c r="AU27" s="388"/>
      <c r="AV27" s="388"/>
      <c r="AW27" s="388"/>
      <c r="AX27" s="335"/>
      <c r="AY27" s="335"/>
      <c r="AZ27" s="54"/>
      <c r="BA27" s="54"/>
      <c r="BB27" s="54"/>
      <c r="BC27" s="54"/>
      <c r="BD27" s="54"/>
      <c r="BE27" s="54"/>
      <c r="BF27" s="54"/>
      <c r="BG27" s="54"/>
      <c r="BH27" s="54"/>
      <c r="BI27" s="54"/>
      <c r="BJ27" s="54"/>
      <c r="BK27" s="54"/>
      <c r="BL27" s="54"/>
      <c r="BM27" s="54"/>
      <c r="BN27" s="54"/>
      <c r="BO27" s="54"/>
      <c r="BP27" s="54"/>
      <c r="BQ27" s="54"/>
      <c r="BR27" s="723"/>
      <c r="BS27" s="723"/>
      <c r="BT27" s="723"/>
      <c r="BU27" s="723"/>
      <c r="BV27" s="306"/>
      <c r="BW27" s="306"/>
      <c r="BX27" s="306"/>
      <c r="BY27" s="306"/>
    </row>
    <row r="28" spans="1:108" s="51" customFormat="1" ht="20.25" customHeight="1" thickBot="1" x14ac:dyDescent="0.25">
      <c r="A28" s="50"/>
      <c r="B28" s="61" t="s">
        <v>107</v>
      </c>
      <c r="C28" s="46"/>
      <c r="D28" s="46"/>
      <c r="E28" s="46"/>
      <c r="F28" s="46"/>
      <c r="G28" s="46"/>
      <c r="H28" s="46"/>
      <c r="I28" s="47"/>
      <c r="J28" s="47"/>
      <c r="K28" s="47"/>
      <c r="L28" s="48"/>
      <c r="M28" s="49" t="s">
        <v>109</v>
      </c>
      <c r="N28" s="46"/>
      <c r="O28" s="46"/>
      <c r="P28" s="46"/>
      <c r="Q28" s="174"/>
      <c r="R28" s="46"/>
      <c r="S28" s="46"/>
      <c r="T28" s="46"/>
      <c r="U28" s="46"/>
      <c r="V28" s="46"/>
      <c r="W28" s="46"/>
      <c r="X28" s="46"/>
      <c r="Y28" s="46"/>
      <c r="Z28" s="46"/>
      <c r="AA28" s="46"/>
      <c r="AB28" s="46"/>
      <c r="AC28" s="655"/>
      <c r="AD28" s="656"/>
      <c r="AE28" s="656"/>
      <c r="AF28" s="657"/>
      <c r="AH28" s="50"/>
      <c r="AI28" s="50"/>
      <c r="AJ28" s="50"/>
      <c r="AL28" s="54"/>
      <c r="AM28" s="647"/>
      <c r="AN28" s="647"/>
      <c r="AO28" s="647"/>
      <c r="AP28" s="647"/>
      <c r="AQ28" s="647"/>
      <c r="AR28" s="647"/>
      <c r="AS28" s="647"/>
      <c r="AT28" s="647"/>
      <c r="AU28" s="647"/>
      <c r="AV28" s="647"/>
      <c r="AW28" s="647"/>
      <c r="AX28" s="647"/>
      <c r="AY28" s="647"/>
      <c r="AZ28" s="647"/>
      <c r="BA28" s="647"/>
      <c r="BB28" s="647"/>
      <c r="BC28" s="647"/>
      <c r="BD28" s="647"/>
      <c r="BE28" s="647"/>
      <c r="BF28" s="647"/>
      <c r="BG28" s="647"/>
      <c r="BH28" s="647"/>
      <c r="BI28" s="647"/>
      <c r="BJ28" s="647"/>
      <c r="BK28" s="647"/>
      <c r="BL28" s="647"/>
      <c r="BM28" s="647"/>
      <c r="BN28" s="647"/>
      <c r="BO28" s="647"/>
      <c r="BP28" s="647"/>
      <c r="BQ28" s="647"/>
      <c r="BR28" s="729"/>
      <c r="BS28" s="729"/>
      <c r="BT28" s="729"/>
      <c r="BU28" s="729"/>
      <c r="BV28" s="306"/>
      <c r="BW28" s="306"/>
      <c r="BX28" s="306"/>
      <c r="BY28" s="306"/>
    </row>
    <row r="29" spans="1:108" s="51" customFormat="1" ht="20.25" customHeight="1" thickBot="1" x14ac:dyDescent="0.25">
      <c r="A29" s="50"/>
      <c r="B29" s="52" t="s">
        <v>108</v>
      </c>
      <c r="C29" s="53"/>
      <c r="D29" s="53"/>
      <c r="E29" s="53"/>
      <c r="F29" s="53"/>
      <c r="G29" s="53"/>
      <c r="H29" s="53"/>
      <c r="I29" s="54"/>
      <c r="J29" s="54"/>
      <c r="K29" s="54"/>
      <c r="L29" s="55"/>
      <c r="M29" s="49" t="s">
        <v>110</v>
      </c>
      <c r="N29" s="46"/>
      <c r="O29" s="46"/>
      <c r="P29" s="46"/>
      <c r="Q29" s="47"/>
      <c r="R29" s="46"/>
      <c r="S29" s="46"/>
      <c r="T29" s="46"/>
      <c r="U29" s="46"/>
      <c r="V29" s="46"/>
      <c r="W29" s="46"/>
      <c r="X29" s="46"/>
      <c r="Y29" s="46"/>
      <c r="Z29" s="46"/>
      <c r="AA29" s="46"/>
      <c r="AB29" s="46"/>
      <c r="AC29" s="655"/>
      <c r="AD29" s="656"/>
      <c r="AE29" s="656"/>
      <c r="AF29" s="657"/>
      <c r="AH29" s="50"/>
      <c r="AI29" s="50"/>
      <c r="AJ29" s="50"/>
      <c r="AL29" s="54"/>
      <c r="AM29" s="647"/>
      <c r="AN29" s="647"/>
      <c r="AO29" s="647"/>
      <c r="AP29" s="647"/>
      <c r="AQ29" s="647"/>
      <c r="AR29" s="647"/>
      <c r="AS29" s="647"/>
      <c r="AT29" s="647"/>
      <c r="AU29" s="647"/>
      <c r="AV29" s="647"/>
      <c r="AW29" s="647"/>
      <c r="AX29" s="647"/>
      <c r="AY29" s="647"/>
      <c r="AZ29" s="647"/>
      <c r="BA29" s="647"/>
      <c r="BB29" s="647"/>
      <c r="BC29" s="647"/>
      <c r="BD29" s="647"/>
      <c r="BE29" s="647"/>
      <c r="BF29" s="647"/>
      <c r="BG29" s="647"/>
      <c r="BH29" s="647"/>
      <c r="BI29" s="647"/>
      <c r="BJ29" s="647"/>
      <c r="BK29" s="647"/>
      <c r="BL29" s="647"/>
      <c r="BM29" s="647"/>
      <c r="BN29" s="647"/>
      <c r="BO29" s="647"/>
      <c r="BP29" s="647"/>
      <c r="BQ29" s="647"/>
      <c r="BR29" s="729"/>
      <c r="BS29" s="729"/>
      <c r="BT29" s="729"/>
      <c r="BU29" s="729"/>
      <c r="BV29" s="50"/>
      <c r="BW29" s="53"/>
      <c r="BX29" s="53"/>
      <c r="BY29" s="53"/>
    </row>
    <row r="30" spans="1:108" s="51" customFormat="1" ht="20.25" customHeight="1" x14ac:dyDescent="0.2">
      <c r="A30" s="50"/>
      <c r="B30" s="52" t="s">
        <v>160</v>
      </c>
      <c r="C30" s="53"/>
      <c r="D30" s="53"/>
      <c r="E30" s="53"/>
      <c r="F30" s="53"/>
      <c r="G30" s="53"/>
      <c r="H30" s="53"/>
      <c r="I30" s="53"/>
      <c r="J30" s="53"/>
      <c r="K30" s="53"/>
      <c r="L30" s="55"/>
      <c r="M30" s="52"/>
      <c r="N30" s="53"/>
      <c r="O30" s="61" t="s">
        <v>112</v>
      </c>
      <c r="P30" s="46"/>
      <c r="Q30" s="47"/>
      <c r="R30" s="46"/>
      <c r="S30" s="46"/>
      <c r="T30" s="46"/>
      <c r="U30" s="46"/>
      <c r="V30" s="46"/>
      <c r="W30" s="46"/>
      <c r="X30" s="59" t="s">
        <v>118</v>
      </c>
      <c r="Y30" s="60"/>
      <c r="Z30" s="60"/>
      <c r="AA30" s="60"/>
      <c r="AB30" s="60"/>
      <c r="AC30" s="658"/>
      <c r="AD30" s="659"/>
      <c r="AE30" s="659"/>
      <c r="AF30" s="660"/>
      <c r="AH30" s="50"/>
      <c r="AI30" s="50"/>
      <c r="AJ30" s="50"/>
      <c r="AL30" s="54"/>
      <c r="AM30" s="730"/>
      <c r="AN30" s="730"/>
      <c r="AO30" s="730"/>
      <c r="AP30" s="730"/>
      <c r="AQ30" s="730"/>
      <c r="AR30" s="730"/>
      <c r="AS30" s="730"/>
      <c r="AT30" s="730"/>
      <c r="AU30" s="730"/>
      <c r="AV30" s="730"/>
      <c r="AW30" s="730"/>
      <c r="AX30" s="730"/>
      <c r="AY30" s="730"/>
      <c r="AZ30" s="730"/>
      <c r="BA30" s="730"/>
      <c r="BB30" s="730"/>
      <c r="BC30" s="730"/>
      <c r="BD30" s="730"/>
      <c r="BE30" s="730"/>
      <c r="BF30" s="730"/>
      <c r="BG30" s="730"/>
      <c r="BH30" s="730"/>
      <c r="BI30" s="730"/>
      <c r="BJ30" s="730"/>
      <c r="BK30" s="730"/>
      <c r="BL30" s="730"/>
      <c r="BM30" s="730"/>
      <c r="BN30" s="730"/>
      <c r="BO30" s="730"/>
      <c r="BP30" s="730"/>
      <c r="BQ30" s="730"/>
      <c r="BR30" s="729"/>
      <c r="BS30" s="729"/>
      <c r="BT30" s="729"/>
      <c r="BU30" s="729"/>
      <c r="BV30" s="50"/>
      <c r="BW30" s="50"/>
      <c r="BX30" s="50"/>
      <c r="BY30" s="50"/>
    </row>
    <row r="31" spans="1:108" s="51" customFormat="1" ht="20.25" customHeight="1" thickBot="1" x14ac:dyDescent="0.25">
      <c r="A31" s="50"/>
      <c r="B31" s="52" t="s">
        <v>161</v>
      </c>
      <c r="C31" s="53"/>
      <c r="D31" s="53"/>
      <c r="E31" s="53"/>
      <c r="F31" s="53"/>
      <c r="G31" s="53"/>
      <c r="H31" s="53"/>
      <c r="I31" s="53"/>
      <c r="J31" s="53"/>
      <c r="K31" s="53"/>
      <c r="L31" s="55"/>
      <c r="M31" s="52"/>
      <c r="N31" s="53"/>
      <c r="O31" s="63"/>
      <c r="P31" s="64"/>
      <c r="Q31" s="67"/>
      <c r="R31" s="64"/>
      <c r="S31" s="64"/>
      <c r="T31" s="64"/>
      <c r="U31" s="64"/>
      <c r="V31" s="64"/>
      <c r="W31" s="64"/>
      <c r="X31" s="65" t="s">
        <v>119</v>
      </c>
      <c r="Y31" s="66"/>
      <c r="Z31" s="66"/>
      <c r="AA31" s="66"/>
      <c r="AB31" s="66"/>
      <c r="AC31" s="652"/>
      <c r="AD31" s="653"/>
      <c r="AE31" s="653"/>
      <c r="AF31" s="654"/>
      <c r="AH31" s="50"/>
      <c r="AI31" s="50"/>
      <c r="AJ31" s="50"/>
      <c r="AL31" s="54"/>
      <c r="AM31" s="730"/>
      <c r="AN31" s="730"/>
      <c r="AO31" s="730"/>
      <c r="AP31" s="730"/>
      <c r="AQ31" s="730"/>
      <c r="AR31" s="730"/>
      <c r="AS31" s="730"/>
      <c r="AT31" s="730"/>
      <c r="AU31" s="730"/>
      <c r="AV31" s="730"/>
      <c r="AW31" s="730"/>
      <c r="AX31" s="730"/>
      <c r="AY31" s="730"/>
      <c r="AZ31" s="730"/>
      <c r="BA31" s="730"/>
      <c r="BB31" s="730"/>
      <c r="BC31" s="730"/>
      <c r="BD31" s="730"/>
      <c r="BE31" s="730"/>
      <c r="BF31" s="730"/>
      <c r="BG31" s="730"/>
      <c r="BH31" s="730"/>
      <c r="BI31" s="730"/>
      <c r="BJ31" s="730"/>
      <c r="BK31" s="730"/>
      <c r="BL31" s="730"/>
      <c r="BM31" s="730"/>
      <c r="BN31" s="730"/>
      <c r="BO31" s="730"/>
      <c r="BP31" s="730"/>
      <c r="BQ31" s="730"/>
      <c r="BR31" s="729"/>
      <c r="BS31" s="729"/>
      <c r="BT31" s="729"/>
      <c r="BU31" s="729"/>
      <c r="BV31" s="50"/>
    </row>
    <row r="32" spans="1:108" s="51" customFormat="1" ht="19.8" customHeight="1" x14ac:dyDescent="0.2">
      <c r="A32" s="50"/>
      <c r="B32" s="52"/>
      <c r="C32" s="53"/>
      <c r="D32" s="53"/>
      <c r="E32" s="53"/>
      <c r="F32" s="53"/>
      <c r="G32" s="53"/>
      <c r="H32" s="53"/>
      <c r="I32" s="53"/>
      <c r="J32" s="53"/>
      <c r="K32" s="53"/>
      <c r="L32" s="55"/>
      <c r="M32" s="52"/>
      <c r="N32" s="53"/>
      <c r="O32" s="61" t="s">
        <v>113</v>
      </c>
      <c r="P32" s="46"/>
      <c r="Q32" s="47"/>
      <c r="R32" s="46"/>
      <c r="S32" s="46"/>
      <c r="T32" s="46"/>
      <c r="U32" s="46"/>
      <c r="V32" s="46"/>
      <c r="W32" s="46"/>
      <c r="X32" s="59" t="s">
        <v>135</v>
      </c>
      <c r="Y32" s="60"/>
      <c r="Z32" s="60"/>
      <c r="AA32" s="60"/>
      <c r="AB32" s="60"/>
      <c r="AC32" s="658"/>
      <c r="AD32" s="659"/>
      <c r="AE32" s="659"/>
      <c r="AF32" s="660"/>
      <c r="AH32" s="50"/>
      <c r="AI32" s="50"/>
      <c r="AJ32" s="50"/>
      <c r="AL32" s="54"/>
      <c r="AM32" s="647"/>
      <c r="AN32" s="647"/>
      <c r="AO32" s="647"/>
      <c r="AP32" s="647"/>
      <c r="AQ32" s="647"/>
      <c r="AR32" s="647"/>
      <c r="AS32" s="647"/>
      <c r="AT32" s="647"/>
      <c r="AU32" s="647"/>
      <c r="AV32" s="647"/>
      <c r="AW32" s="647"/>
      <c r="AX32" s="647"/>
      <c r="AY32" s="647"/>
      <c r="AZ32" s="647"/>
      <c r="BA32" s="647"/>
      <c r="BB32" s="647"/>
      <c r="BC32" s="647"/>
      <c r="BD32" s="647"/>
      <c r="BE32" s="647"/>
      <c r="BF32" s="647"/>
      <c r="BG32" s="647"/>
      <c r="BH32" s="647"/>
      <c r="BI32" s="647"/>
      <c r="BJ32" s="647"/>
      <c r="BK32" s="647"/>
      <c r="BL32" s="647"/>
      <c r="BM32" s="647"/>
      <c r="BN32" s="647"/>
      <c r="BO32" s="647"/>
      <c r="BP32" s="647"/>
      <c r="BQ32" s="647"/>
      <c r="BR32" s="729"/>
      <c r="BS32" s="729"/>
      <c r="BT32" s="729"/>
      <c r="BU32" s="729"/>
      <c r="BV32" s="50"/>
      <c r="BW32" s="51" t="s">
        <v>213</v>
      </c>
      <c r="BZ32" s="53"/>
      <c r="CA32" s="54"/>
      <c r="CB32" s="54"/>
    </row>
    <row r="33" spans="1:81" s="51" customFormat="1" ht="19.8" customHeight="1" thickBot="1" x14ac:dyDescent="0.25">
      <c r="A33" s="50"/>
      <c r="B33" s="52"/>
      <c r="C33" s="53"/>
      <c r="D33" s="53"/>
      <c r="E33" s="53"/>
      <c r="F33" s="53"/>
      <c r="G33" s="53"/>
      <c r="H33" s="53"/>
      <c r="I33" s="53"/>
      <c r="J33" s="53"/>
      <c r="K33" s="53"/>
      <c r="L33" s="55"/>
      <c r="M33" s="52"/>
      <c r="N33" s="53"/>
      <c r="O33" s="63"/>
      <c r="P33" s="64"/>
      <c r="Q33" s="67"/>
      <c r="R33" s="64"/>
      <c r="S33" s="64"/>
      <c r="T33" s="64"/>
      <c r="U33" s="64"/>
      <c r="V33" s="64"/>
      <c r="W33" s="64"/>
      <c r="X33" s="65" t="s">
        <v>136</v>
      </c>
      <c r="Y33" s="66"/>
      <c r="Z33" s="66"/>
      <c r="AA33" s="66"/>
      <c r="AB33" s="66"/>
      <c r="AC33" s="652"/>
      <c r="AD33" s="653"/>
      <c r="AE33" s="653"/>
      <c r="AF33" s="654"/>
      <c r="AG33" s="50"/>
      <c r="AH33" s="50"/>
      <c r="AI33" s="50"/>
      <c r="AJ33" s="50"/>
      <c r="AK33" s="54"/>
      <c r="AL33" s="53"/>
      <c r="AM33" s="647"/>
      <c r="AN33" s="647"/>
      <c r="AO33" s="647"/>
      <c r="AP33" s="647"/>
      <c r="AQ33" s="647"/>
      <c r="AR33" s="647"/>
      <c r="AS33" s="647"/>
      <c r="AT33" s="647"/>
      <c r="AU33" s="647"/>
      <c r="AV33" s="647"/>
      <c r="AW33" s="647"/>
      <c r="AX33" s="647"/>
      <c r="AY33" s="647"/>
      <c r="AZ33" s="647"/>
      <c r="BA33" s="647"/>
      <c r="BB33" s="647"/>
      <c r="BC33" s="647"/>
      <c r="BD33" s="647"/>
      <c r="BE33" s="647"/>
      <c r="BF33" s="647"/>
      <c r="BG33" s="647"/>
      <c r="BH33" s="647"/>
      <c r="BI33" s="647"/>
      <c r="BJ33" s="647"/>
      <c r="BK33" s="647"/>
      <c r="BL33" s="647"/>
      <c r="BM33" s="647"/>
      <c r="BN33" s="647"/>
      <c r="BO33" s="647"/>
      <c r="BP33" s="647"/>
      <c r="BQ33" s="647"/>
      <c r="BR33" s="729"/>
      <c r="BS33" s="729"/>
      <c r="BT33" s="729"/>
      <c r="BU33" s="729"/>
      <c r="BV33" s="50"/>
    </row>
    <row r="34" spans="1:81" s="51" customFormat="1" ht="20.399999999999999" customHeight="1" x14ac:dyDescent="0.2">
      <c r="A34" s="50"/>
      <c r="B34" s="52"/>
      <c r="C34" s="53"/>
      <c r="D34" s="53"/>
      <c r="E34" s="53"/>
      <c r="F34" s="53"/>
      <c r="G34" s="53"/>
      <c r="H34" s="53"/>
      <c r="I34" s="53"/>
      <c r="J34" s="53"/>
      <c r="K34" s="53"/>
      <c r="L34" s="55"/>
      <c r="M34" s="52"/>
      <c r="N34" s="53"/>
      <c r="O34" s="61" t="s">
        <v>114</v>
      </c>
      <c r="P34" s="46"/>
      <c r="Q34" s="47"/>
      <c r="R34" s="46"/>
      <c r="S34" s="46"/>
      <c r="T34" s="46"/>
      <c r="U34" s="46"/>
      <c r="V34" s="46"/>
      <c r="W34" s="46"/>
      <c r="X34" s="59" t="s">
        <v>116</v>
      </c>
      <c r="Y34" s="60"/>
      <c r="Z34" s="60"/>
      <c r="AA34" s="60"/>
      <c r="AB34" s="60"/>
      <c r="AC34" s="658"/>
      <c r="AD34" s="659"/>
      <c r="AE34" s="659"/>
      <c r="AF34" s="660"/>
      <c r="AK34" s="54"/>
      <c r="AL34" s="53"/>
      <c r="AM34" s="647"/>
      <c r="AN34" s="647"/>
      <c r="AO34" s="647"/>
      <c r="AP34" s="647"/>
      <c r="AQ34" s="647"/>
      <c r="AR34" s="647"/>
      <c r="AS34" s="647"/>
      <c r="AT34" s="647"/>
      <c r="AU34" s="647"/>
      <c r="AV34" s="647"/>
      <c r="AW34" s="647"/>
      <c r="AX34" s="647"/>
      <c r="AY34" s="647"/>
      <c r="AZ34" s="647"/>
      <c r="BA34" s="647"/>
      <c r="BB34" s="647"/>
      <c r="BC34" s="647"/>
      <c r="BD34" s="647"/>
      <c r="BE34" s="647"/>
      <c r="BF34" s="647"/>
      <c r="BG34" s="647"/>
      <c r="BH34" s="647"/>
      <c r="BI34" s="647"/>
      <c r="BJ34" s="647"/>
      <c r="BK34" s="647"/>
      <c r="BL34" s="647"/>
      <c r="BM34" s="647"/>
      <c r="BN34" s="647"/>
      <c r="BO34" s="647"/>
      <c r="BP34" s="647"/>
      <c r="BQ34" s="647"/>
      <c r="BR34" s="729"/>
      <c r="BS34" s="729"/>
      <c r="BT34" s="729"/>
      <c r="BU34" s="729"/>
      <c r="BV34" s="50"/>
      <c r="BZ34" s="50"/>
      <c r="CB34" s="54"/>
    </row>
    <row r="35" spans="1:81" s="51" customFormat="1" ht="20.25" customHeight="1" x14ac:dyDescent="0.2">
      <c r="A35" s="50"/>
      <c r="B35" s="52"/>
      <c r="C35" s="53"/>
      <c r="D35" s="53"/>
      <c r="E35" s="53"/>
      <c r="F35" s="53"/>
      <c r="G35" s="53"/>
      <c r="H35" s="53"/>
      <c r="I35" s="53"/>
      <c r="J35" s="53"/>
      <c r="K35" s="53"/>
      <c r="L35" s="55"/>
      <c r="M35" s="52"/>
      <c r="N35" s="53"/>
      <c r="O35" s="52"/>
      <c r="P35" s="53"/>
      <c r="Q35" s="54"/>
      <c r="R35" s="53"/>
      <c r="S35" s="53"/>
      <c r="T35" s="53"/>
      <c r="U35" s="53"/>
      <c r="V35" s="53"/>
      <c r="W35" s="53"/>
      <c r="X35" s="62" t="s">
        <v>117</v>
      </c>
      <c r="Y35" s="43"/>
      <c r="Z35" s="43"/>
      <c r="AA35" s="43"/>
      <c r="AB35" s="43"/>
      <c r="AC35" s="649"/>
      <c r="AD35" s="650"/>
      <c r="AE35" s="650"/>
      <c r="AF35" s="651"/>
      <c r="AL35" s="54"/>
      <c r="AM35" s="647"/>
      <c r="AN35" s="647"/>
      <c r="AO35" s="647"/>
      <c r="AP35" s="647"/>
      <c r="AQ35" s="647"/>
      <c r="AR35" s="647"/>
      <c r="AS35" s="647"/>
      <c r="AT35" s="647"/>
      <c r="AU35" s="647"/>
      <c r="AV35" s="647"/>
      <c r="AW35" s="647"/>
      <c r="AX35" s="647"/>
      <c r="AY35" s="647"/>
      <c r="AZ35" s="647"/>
      <c r="BA35" s="647"/>
      <c r="BB35" s="647"/>
      <c r="BC35" s="647"/>
      <c r="BD35" s="647"/>
      <c r="BE35" s="647"/>
      <c r="BF35" s="647"/>
      <c r="BG35" s="647"/>
      <c r="BH35" s="647"/>
      <c r="BI35" s="647"/>
      <c r="BJ35" s="647"/>
      <c r="BK35" s="647"/>
      <c r="BL35" s="647"/>
      <c r="BM35" s="647"/>
      <c r="BN35" s="647"/>
      <c r="BO35" s="647"/>
      <c r="BP35" s="647"/>
      <c r="BQ35" s="647"/>
      <c r="BR35" s="729"/>
      <c r="BS35" s="729"/>
      <c r="BT35" s="729"/>
      <c r="BU35" s="729"/>
      <c r="BV35" s="50"/>
      <c r="BZ35" s="50"/>
      <c r="CA35" s="54"/>
    </row>
    <row r="36" spans="1:81" s="51" customFormat="1" ht="20.25" customHeight="1" thickBot="1" x14ac:dyDescent="0.25">
      <c r="A36" s="50"/>
      <c r="B36" s="52"/>
      <c r="C36" s="53"/>
      <c r="D36" s="53"/>
      <c r="E36" s="53"/>
      <c r="F36" s="53"/>
      <c r="G36" s="53"/>
      <c r="H36" s="53"/>
      <c r="I36" s="53"/>
      <c r="J36" s="53"/>
      <c r="K36" s="53"/>
      <c r="L36" s="55"/>
      <c r="M36" s="52"/>
      <c r="N36" s="53"/>
      <c r="O36" s="63"/>
      <c r="P36" s="64"/>
      <c r="Q36" s="67"/>
      <c r="R36" s="64"/>
      <c r="S36" s="64"/>
      <c r="T36" s="64"/>
      <c r="U36" s="64"/>
      <c r="V36" s="64"/>
      <c r="W36" s="64"/>
      <c r="X36" s="65" t="s">
        <v>120</v>
      </c>
      <c r="Y36" s="66"/>
      <c r="Z36" s="66"/>
      <c r="AA36" s="66"/>
      <c r="AB36" s="66"/>
      <c r="AC36" s="652"/>
      <c r="AD36" s="653"/>
      <c r="AE36" s="653"/>
      <c r="AF36" s="654"/>
      <c r="AL36" s="54"/>
      <c r="AM36" s="647"/>
      <c r="AN36" s="647"/>
      <c r="AO36" s="647"/>
      <c r="AP36" s="647"/>
      <c r="AQ36" s="647"/>
      <c r="AR36" s="647"/>
      <c r="AS36" s="647"/>
      <c r="AT36" s="647"/>
      <c r="AU36" s="647"/>
      <c r="AV36" s="647"/>
      <c r="AW36" s="647"/>
      <c r="AX36" s="647"/>
      <c r="AY36" s="647"/>
      <c r="AZ36" s="647"/>
      <c r="BA36" s="647"/>
      <c r="BB36" s="647"/>
      <c r="BC36" s="647"/>
      <c r="BD36" s="647"/>
      <c r="BE36" s="647"/>
      <c r="BF36" s="647"/>
      <c r="BG36" s="647"/>
      <c r="BH36" s="647"/>
      <c r="BI36" s="647"/>
      <c r="BJ36" s="647"/>
      <c r="BK36" s="647"/>
      <c r="BL36" s="647"/>
      <c r="BM36" s="647"/>
      <c r="BN36" s="647"/>
      <c r="BO36" s="647"/>
      <c r="BP36" s="647"/>
      <c r="BQ36" s="647"/>
      <c r="BR36" s="729"/>
      <c r="BS36" s="729"/>
      <c r="BT36" s="729"/>
      <c r="BU36" s="729"/>
      <c r="BV36" s="50"/>
      <c r="BZ36" s="50"/>
      <c r="CC36" s="54"/>
    </row>
    <row r="37" spans="1:81" s="51" customFormat="1" ht="20.25" customHeight="1" x14ac:dyDescent="0.2">
      <c r="A37" s="50"/>
      <c r="B37" s="52"/>
      <c r="C37" s="53"/>
      <c r="D37" s="53"/>
      <c r="E37" s="53"/>
      <c r="F37" s="53"/>
      <c r="G37" s="53"/>
      <c r="H37" s="53"/>
      <c r="I37" s="53"/>
      <c r="J37" s="53"/>
      <c r="K37" s="53"/>
      <c r="L37" s="55"/>
      <c r="M37" s="52"/>
      <c r="N37" s="53"/>
      <c r="O37" s="52" t="s">
        <v>115</v>
      </c>
      <c r="P37" s="53"/>
      <c r="R37" s="53"/>
      <c r="S37" s="53"/>
      <c r="T37" s="53"/>
      <c r="U37" s="53"/>
      <c r="V37" s="53"/>
      <c r="W37" s="53"/>
      <c r="X37" s="53"/>
      <c r="Y37" s="53"/>
      <c r="Z37" s="53"/>
      <c r="AA37" s="53"/>
      <c r="AB37" s="53"/>
      <c r="AC37" s="643"/>
      <c r="AD37" s="644"/>
      <c r="AE37" s="644"/>
      <c r="AF37" s="332" t="s">
        <v>121</v>
      </c>
      <c r="AL37" s="54"/>
      <c r="AM37" s="647"/>
      <c r="AN37" s="647"/>
      <c r="AO37" s="647"/>
      <c r="AP37" s="647"/>
      <c r="AQ37" s="647"/>
      <c r="AR37" s="647"/>
      <c r="AS37" s="647"/>
      <c r="AT37" s="647"/>
      <c r="AU37" s="647"/>
      <c r="AV37" s="647"/>
      <c r="AW37" s="647"/>
      <c r="AX37" s="647"/>
      <c r="AY37" s="647"/>
      <c r="AZ37" s="647"/>
      <c r="BA37" s="647"/>
      <c r="BB37" s="647"/>
      <c r="BC37" s="647"/>
      <c r="BD37" s="647"/>
      <c r="BE37" s="647"/>
      <c r="BF37" s="647"/>
      <c r="BG37" s="647"/>
      <c r="BH37" s="647"/>
      <c r="BI37" s="647"/>
      <c r="BJ37" s="647"/>
      <c r="BK37" s="647"/>
      <c r="BL37" s="647"/>
      <c r="BM37" s="647"/>
      <c r="BN37" s="647"/>
      <c r="BO37" s="647"/>
      <c r="BP37" s="647"/>
      <c r="BQ37" s="647"/>
      <c r="BR37" s="729"/>
      <c r="BS37" s="729"/>
      <c r="BT37" s="729"/>
      <c r="BU37" s="729"/>
      <c r="BV37" s="50"/>
      <c r="BZ37" s="50"/>
      <c r="CB37" s="175"/>
    </row>
    <row r="38" spans="1:81" s="51" customFormat="1" ht="20.25" customHeight="1" thickBot="1" x14ac:dyDescent="0.25">
      <c r="A38" s="50"/>
      <c r="B38" s="63"/>
      <c r="C38" s="64"/>
      <c r="D38" s="64"/>
      <c r="E38" s="64"/>
      <c r="F38" s="64"/>
      <c r="G38" s="64"/>
      <c r="H38" s="64"/>
      <c r="I38" s="64"/>
      <c r="J38" s="64"/>
      <c r="K38" s="64"/>
      <c r="L38" s="68"/>
      <c r="M38" s="63"/>
      <c r="N38" s="70"/>
      <c r="O38" s="58" t="s">
        <v>188</v>
      </c>
      <c r="P38" s="58"/>
      <c r="Q38" s="174"/>
      <c r="R38" s="58"/>
      <c r="S38" s="58"/>
      <c r="T38" s="58"/>
      <c r="U38" s="58"/>
      <c r="V38" s="58"/>
      <c r="W38" s="58"/>
      <c r="X38" s="58"/>
      <c r="Y38" s="58"/>
      <c r="Z38" s="58"/>
      <c r="AA38" s="58"/>
      <c r="AB38" s="58"/>
      <c r="AC38" s="645"/>
      <c r="AD38" s="646"/>
      <c r="AE38" s="646"/>
      <c r="AF38" s="333" t="s">
        <v>187</v>
      </c>
      <c r="AL38" s="54"/>
      <c r="AM38" s="647"/>
      <c r="AN38" s="647"/>
      <c r="AO38" s="647"/>
      <c r="AP38" s="647"/>
      <c r="AQ38" s="647"/>
      <c r="AR38" s="647"/>
      <c r="AS38" s="647"/>
      <c r="AT38" s="647"/>
      <c r="AU38" s="647"/>
      <c r="AV38" s="647"/>
      <c r="AW38" s="647"/>
      <c r="AX38" s="647"/>
      <c r="AY38" s="647"/>
      <c r="AZ38" s="647"/>
      <c r="BA38" s="647"/>
      <c r="BB38" s="647"/>
      <c r="BC38" s="647"/>
      <c r="BD38" s="647"/>
      <c r="BE38" s="647"/>
      <c r="BF38" s="647"/>
      <c r="BG38" s="647"/>
      <c r="BH38" s="647"/>
      <c r="BI38" s="647"/>
      <c r="BJ38" s="647"/>
      <c r="BK38" s="647"/>
      <c r="BL38" s="647"/>
      <c r="BM38" s="647"/>
      <c r="BN38" s="647"/>
      <c r="BO38" s="647"/>
      <c r="BP38" s="647"/>
      <c r="BQ38" s="647"/>
      <c r="BR38" s="393"/>
      <c r="BS38" s="393"/>
      <c r="BT38" s="393"/>
      <c r="BU38" s="393"/>
      <c r="BV38" s="50"/>
    </row>
    <row r="39" spans="1:81" s="51" customFormat="1" ht="18" customHeight="1" x14ac:dyDescent="0.2">
      <c r="A39" s="50"/>
      <c r="B39" s="50" t="s">
        <v>122</v>
      </c>
      <c r="C39" s="50"/>
      <c r="D39" s="50"/>
      <c r="E39" s="50" t="s">
        <v>123</v>
      </c>
      <c r="F39" s="50"/>
      <c r="G39" s="50"/>
      <c r="H39" s="50"/>
      <c r="I39" s="50"/>
      <c r="J39" s="50"/>
      <c r="K39" s="50"/>
      <c r="L39" s="50"/>
      <c r="M39" s="50"/>
      <c r="N39" s="50"/>
      <c r="O39" s="50"/>
      <c r="P39" s="53"/>
      <c r="Q39" s="50"/>
      <c r="R39" s="50"/>
      <c r="S39" s="50"/>
      <c r="T39" s="50"/>
      <c r="U39" s="50"/>
      <c r="V39" s="50"/>
      <c r="W39" s="50"/>
      <c r="X39" s="50"/>
      <c r="Y39" s="50"/>
      <c r="Z39" s="50"/>
      <c r="AA39" s="50"/>
      <c r="AB39" s="50"/>
      <c r="AC39" s="50"/>
      <c r="AD39" s="50"/>
      <c r="AE39" s="50"/>
      <c r="AF39" s="50"/>
      <c r="AH39" s="50"/>
      <c r="AI39" s="50"/>
      <c r="AL39" s="54"/>
      <c r="AM39" s="647"/>
      <c r="AN39" s="647"/>
      <c r="AO39" s="647"/>
      <c r="AP39" s="647"/>
      <c r="AQ39" s="647"/>
      <c r="AR39" s="647"/>
      <c r="AS39" s="647"/>
      <c r="AT39" s="647"/>
      <c r="AU39" s="647"/>
      <c r="AV39" s="647"/>
      <c r="AW39" s="647"/>
      <c r="AX39" s="647"/>
      <c r="AY39" s="647"/>
      <c r="AZ39" s="647"/>
      <c r="BA39" s="647"/>
      <c r="BB39" s="647"/>
      <c r="BC39" s="647"/>
      <c r="BD39" s="647"/>
      <c r="BE39" s="647"/>
      <c r="BF39" s="647"/>
      <c r="BG39" s="647"/>
      <c r="BH39" s="647"/>
      <c r="BI39" s="647"/>
      <c r="BJ39" s="647"/>
      <c r="BK39" s="647"/>
      <c r="BL39" s="647"/>
      <c r="BM39" s="647"/>
      <c r="BN39" s="647"/>
      <c r="BO39" s="647"/>
      <c r="BP39" s="647"/>
      <c r="BQ39" s="647"/>
      <c r="BR39" s="393"/>
      <c r="BS39" s="393"/>
      <c r="BT39" s="393"/>
      <c r="BU39" s="393"/>
      <c r="BV39" s="50"/>
    </row>
    <row r="40" spans="1:81" s="51" customFormat="1" ht="18" customHeight="1" x14ac:dyDescent="0.2">
      <c r="A40" s="50"/>
      <c r="B40" s="50"/>
      <c r="C40" s="50"/>
      <c r="D40" s="50"/>
      <c r="E40" s="50" t="s">
        <v>124</v>
      </c>
      <c r="F40" s="50"/>
      <c r="G40" s="50"/>
      <c r="H40" s="50"/>
      <c r="I40" s="50"/>
      <c r="J40" s="50"/>
      <c r="K40" s="50"/>
      <c r="L40" s="50"/>
      <c r="M40" s="50"/>
      <c r="N40" s="50"/>
      <c r="O40" s="50"/>
      <c r="P40" s="50"/>
      <c r="Q40" s="50"/>
      <c r="R40" s="50"/>
      <c r="S40" s="50"/>
      <c r="T40" s="50"/>
      <c r="U40" s="50"/>
      <c r="V40" s="50"/>
      <c r="W40" s="50"/>
      <c r="X40" s="50"/>
      <c r="Y40" s="50"/>
      <c r="Z40" s="50"/>
      <c r="AA40" s="50"/>
      <c r="AB40" s="50"/>
      <c r="AC40" s="50"/>
      <c r="AD40" s="50"/>
      <c r="AE40" s="50"/>
      <c r="AF40" s="50"/>
      <c r="AH40" s="50"/>
      <c r="AI40" s="50"/>
      <c r="AL40" s="54"/>
      <c r="AM40" s="340"/>
      <c r="AN40" s="340"/>
      <c r="AO40" s="340"/>
      <c r="AP40" s="340"/>
      <c r="AQ40" s="340"/>
      <c r="AR40" s="340"/>
      <c r="AS40" s="340"/>
      <c r="AT40" s="340"/>
      <c r="AU40" s="340"/>
      <c r="AV40" s="340"/>
      <c r="AW40" s="340"/>
      <c r="AX40" s="340"/>
      <c r="AY40" s="340"/>
      <c r="AZ40" s="340"/>
      <c r="BA40" s="340"/>
      <c r="BB40" s="340"/>
      <c r="BC40" s="340"/>
      <c r="BD40" s="340"/>
      <c r="BE40" s="340"/>
      <c r="BF40" s="340"/>
      <c r="BG40" s="340"/>
      <c r="BH40" s="340"/>
      <c r="BI40" s="340"/>
      <c r="BJ40" s="340"/>
      <c r="BK40" s="340"/>
      <c r="BL40" s="340"/>
      <c r="BM40" s="340"/>
      <c r="BN40" s="340"/>
      <c r="BO40" s="340"/>
      <c r="BP40" s="340"/>
      <c r="BQ40" s="340"/>
      <c r="BR40" s="340"/>
      <c r="BS40" s="340"/>
      <c r="BT40" s="340"/>
      <c r="BU40" s="340"/>
      <c r="BV40" s="50"/>
      <c r="BX40" s="175"/>
    </row>
    <row r="41" spans="1:81" s="51" customFormat="1" ht="18" customHeight="1" x14ac:dyDescent="0.2">
      <c r="A41" s="50"/>
      <c r="B41" s="50"/>
      <c r="C41" s="50"/>
      <c r="D41" s="50"/>
      <c r="E41" s="50" t="s">
        <v>125</v>
      </c>
      <c r="F41" s="50"/>
      <c r="G41" s="50"/>
      <c r="H41" s="50"/>
      <c r="I41" s="50"/>
      <c r="J41" s="50"/>
      <c r="K41" s="50"/>
      <c r="L41" s="50"/>
      <c r="M41" s="50"/>
      <c r="N41" s="50"/>
      <c r="O41" s="50"/>
      <c r="P41" s="50"/>
      <c r="Q41" s="50"/>
      <c r="R41" s="50"/>
      <c r="S41" s="50"/>
      <c r="T41" s="50"/>
      <c r="U41" s="50"/>
      <c r="V41" s="50"/>
      <c r="W41" s="50"/>
      <c r="X41" s="50"/>
      <c r="Y41" s="50"/>
      <c r="Z41" s="50"/>
      <c r="AA41" s="50"/>
      <c r="AB41" s="50"/>
      <c r="AC41" s="50"/>
      <c r="AD41" s="50"/>
      <c r="AE41" s="50"/>
      <c r="AF41" s="50"/>
      <c r="AG41" s="41"/>
      <c r="AH41" s="50"/>
      <c r="AI41" s="50"/>
      <c r="AK41" s="50"/>
      <c r="AL41" s="53"/>
      <c r="AM41" s="340"/>
      <c r="AN41" s="340"/>
      <c r="AO41" s="340"/>
      <c r="AP41" s="340"/>
      <c r="AQ41" s="340"/>
      <c r="AR41" s="340"/>
      <c r="AS41" s="340"/>
      <c r="AT41" s="340"/>
      <c r="AU41" s="340"/>
      <c r="AV41" s="340"/>
      <c r="AW41" s="340"/>
      <c r="AX41" s="340"/>
      <c r="AY41" s="340"/>
      <c r="AZ41" s="340"/>
      <c r="BA41" s="340"/>
      <c r="BB41" s="340"/>
      <c r="BC41" s="340"/>
      <c r="BD41" s="340"/>
      <c r="BE41" s="340"/>
      <c r="BF41" s="340"/>
      <c r="BG41" s="340"/>
      <c r="BH41" s="340"/>
      <c r="BI41" s="340"/>
      <c r="BJ41" s="340"/>
      <c r="BK41" s="340"/>
      <c r="BL41" s="340"/>
      <c r="BM41" s="340"/>
      <c r="BN41" s="340"/>
      <c r="BO41" s="340"/>
      <c r="BP41" s="340"/>
      <c r="BQ41" s="340"/>
      <c r="BR41" s="340"/>
      <c r="BS41" s="340"/>
      <c r="BT41" s="340"/>
      <c r="BU41" s="340"/>
      <c r="BV41" s="50"/>
      <c r="BY41" s="50"/>
    </row>
    <row r="42" spans="1:81" s="51" customFormat="1" ht="18" customHeight="1" x14ac:dyDescent="0.2">
      <c r="A42" s="50"/>
      <c r="B42" s="50" t="s">
        <v>126</v>
      </c>
      <c r="C42" s="50"/>
      <c r="D42" s="50"/>
      <c r="E42" s="50" t="s">
        <v>127</v>
      </c>
      <c r="F42" s="50"/>
      <c r="G42" s="50"/>
      <c r="H42" s="50"/>
      <c r="I42" s="50"/>
      <c r="J42" s="50"/>
      <c r="K42" s="50"/>
      <c r="L42" s="50"/>
      <c r="M42" s="50"/>
      <c r="N42" s="50"/>
      <c r="O42" s="50"/>
      <c r="P42" s="50"/>
      <c r="Q42" s="50"/>
      <c r="R42" s="50"/>
      <c r="S42" s="50"/>
      <c r="T42" s="50"/>
      <c r="U42" s="50"/>
      <c r="V42" s="50"/>
      <c r="W42" s="50"/>
      <c r="X42" s="50"/>
      <c r="Y42" s="50"/>
      <c r="Z42" s="50"/>
      <c r="AA42" s="50"/>
      <c r="AB42" s="50"/>
      <c r="AC42" s="50"/>
      <c r="AD42" s="50"/>
      <c r="AE42" s="50"/>
      <c r="AF42" s="50"/>
      <c r="AG42" s="41"/>
      <c r="AH42" s="50"/>
      <c r="AI42" s="50"/>
      <c r="AK42" s="50"/>
      <c r="AL42" s="53"/>
      <c r="AM42" s="388"/>
      <c r="AN42" s="336"/>
      <c r="AO42" s="705"/>
      <c r="AP42" s="705"/>
      <c r="AQ42" s="705"/>
      <c r="AR42" s="705"/>
      <c r="AS42" s="705"/>
      <c r="AT42" s="705"/>
      <c r="AU42" s="705"/>
      <c r="AV42" s="705"/>
      <c r="AW42" s="705"/>
      <c r="AX42" s="705"/>
      <c r="AY42" s="705"/>
      <c r="AZ42" s="705"/>
      <c r="BA42" s="705"/>
      <c r="BB42" s="705"/>
      <c r="BC42" s="705"/>
      <c r="BD42" s="705"/>
      <c r="BE42" s="705"/>
      <c r="BF42" s="705"/>
      <c r="BG42" s="705"/>
      <c r="BH42" s="705"/>
      <c r="BI42" s="705"/>
      <c r="BJ42" s="705"/>
      <c r="BK42" s="705"/>
      <c r="BL42" s="705"/>
      <c r="BM42" s="705"/>
      <c r="BN42" s="705"/>
      <c r="BO42" s="705"/>
      <c r="BP42" s="705"/>
      <c r="BQ42" s="705"/>
      <c r="BR42" s="705"/>
      <c r="BS42" s="705"/>
      <c r="BT42" s="336"/>
      <c r="BU42" s="388"/>
      <c r="BV42" s="50"/>
    </row>
    <row r="43" spans="1:81" s="51" customFormat="1" ht="18" customHeight="1" x14ac:dyDescent="0.2">
      <c r="A43" s="50"/>
      <c r="B43" s="50"/>
      <c r="C43" s="50"/>
      <c r="D43" s="50"/>
      <c r="E43" s="50" t="s">
        <v>128</v>
      </c>
      <c r="F43" s="50"/>
      <c r="G43" s="50"/>
      <c r="H43" s="50"/>
      <c r="I43" s="50"/>
      <c r="J43" s="50"/>
      <c r="K43" s="50"/>
      <c r="L43" s="50"/>
      <c r="M43" s="50"/>
      <c r="N43" s="50"/>
      <c r="O43" s="50"/>
      <c r="P43" s="50"/>
      <c r="Q43" s="50"/>
      <c r="R43" s="50"/>
      <c r="S43" s="50"/>
      <c r="T43" s="50"/>
      <c r="U43" s="50"/>
      <c r="V43" s="50"/>
      <c r="W43" s="50"/>
      <c r="X43" s="50"/>
      <c r="Y43" s="50"/>
      <c r="Z43" s="50"/>
      <c r="AA43" s="50"/>
      <c r="AB43" s="50"/>
      <c r="AC43" s="50"/>
      <c r="AD43" s="50"/>
      <c r="AE43" s="50"/>
      <c r="AF43" s="50"/>
      <c r="AH43" s="50"/>
      <c r="AI43" s="50"/>
      <c r="AK43" s="50"/>
      <c r="AL43" s="53"/>
      <c r="AM43" s="388"/>
      <c r="AN43" s="336"/>
      <c r="AO43" s="705"/>
      <c r="AP43" s="705"/>
      <c r="AQ43" s="705"/>
      <c r="AR43" s="705"/>
      <c r="AS43" s="705"/>
      <c r="AT43" s="705"/>
      <c r="AU43" s="705"/>
      <c r="AV43" s="705"/>
      <c r="AW43" s="705"/>
      <c r="AX43" s="705"/>
      <c r="AY43" s="705"/>
      <c r="AZ43" s="705"/>
      <c r="BA43" s="705"/>
      <c r="BB43" s="705"/>
      <c r="BC43" s="705"/>
      <c r="BD43" s="705"/>
      <c r="BE43" s="705"/>
      <c r="BF43" s="705"/>
      <c r="BG43" s="705"/>
      <c r="BH43" s="705"/>
      <c r="BI43" s="705"/>
      <c r="BJ43" s="705"/>
      <c r="BK43" s="705"/>
      <c r="BL43" s="705"/>
      <c r="BM43" s="705"/>
      <c r="BN43" s="705"/>
      <c r="BO43" s="705"/>
      <c r="BP43" s="705"/>
      <c r="BQ43" s="705"/>
      <c r="BR43" s="705"/>
      <c r="BS43" s="705"/>
      <c r="BT43" s="336"/>
      <c r="BU43" s="388"/>
      <c r="BV43" s="50"/>
    </row>
    <row r="44" spans="1:81" s="51" customFormat="1" ht="18" customHeight="1" x14ac:dyDescent="0.2">
      <c r="A44" s="50"/>
      <c r="B44" s="50"/>
      <c r="C44" s="50"/>
      <c r="D44" s="50"/>
      <c r="E44" s="50" t="s">
        <v>129</v>
      </c>
      <c r="F44" s="50"/>
      <c r="G44" s="50"/>
      <c r="H44" s="50"/>
      <c r="I44" s="50"/>
      <c r="J44" s="50"/>
      <c r="K44" s="50"/>
      <c r="L44" s="50"/>
      <c r="M44" s="50"/>
      <c r="N44" s="50"/>
      <c r="O44" s="50"/>
      <c r="P44" s="50"/>
      <c r="Q44" s="50"/>
      <c r="R44" s="53"/>
      <c r="S44" s="50"/>
      <c r="T44" s="50"/>
      <c r="U44" s="50"/>
      <c r="V44" s="50"/>
      <c r="W44" s="50"/>
      <c r="X44" s="50"/>
      <c r="Y44" s="50"/>
      <c r="Z44" s="50"/>
      <c r="AA44" s="50"/>
      <c r="AB44" s="50"/>
      <c r="AC44" s="50"/>
      <c r="AD44" s="50"/>
      <c r="AE44" s="50"/>
      <c r="AF44" s="50"/>
      <c r="AH44" s="50"/>
      <c r="AI44" s="50"/>
      <c r="AK44" s="161"/>
      <c r="AL44" s="309"/>
      <c r="AM44" s="388"/>
      <c r="AN44" s="336"/>
      <c r="AO44" s="705"/>
      <c r="AP44" s="705"/>
      <c r="AQ44" s="705"/>
      <c r="AR44" s="705"/>
      <c r="AS44" s="705"/>
      <c r="AT44" s="705"/>
      <c r="AU44" s="705"/>
      <c r="AV44" s="705"/>
      <c r="AW44" s="705"/>
      <c r="AX44" s="705"/>
      <c r="AY44" s="705"/>
      <c r="AZ44" s="705"/>
      <c r="BA44" s="705"/>
      <c r="BB44" s="705"/>
      <c r="BC44" s="705"/>
      <c r="BD44" s="705"/>
      <c r="BE44" s="705"/>
      <c r="BF44" s="705"/>
      <c r="BG44" s="705"/>
      <c r="BH44" s="705"/>
      <c r="BI44" s="705"/>
      <c r="BJ44" s="705"/>
      <c r="BK44" s="705"/>
      <c r="BL44" s="705"/>
      <c r="BM44" s="705"/>
      <c r="BN44" s="705"/>
      <c r="BO44" s="705"/>
      <c r="BP44" s="705"/>
      <c r="BQ44" s="705"/>
      <c r="BR44" s="705"/>
      <c r="BS44" s="705"/>
      <c r="BT44" s="336"/>
      <c r="BU44" s="388"/>
      <c r="BV44" s="50"/>
    </row>
    <row r="45" spans="1:81" s="51" customFormat="1" ht="20.25" customHeight="1" x14ac:dyDescent="0.2">
      <c r="A45" s="50"/>
      <c r="B45" s="161"/>
      <c r="C45" s="161"/>
      <c r="D45" s="161"/>
      <c r="E45" s="161"/>
      <c r="F45" s="161"/>
      <c r="G45" s="161"/>
      <c r="H45" s="161"/>
      <c r="I45" s="161"/>
      <c r="J45" s="161"/>
      <c r="K45" s="161"/>
      <c r="L45" s="161"/>
      <c r="M45" s="161"/>
      <c r="N45" s="161"/>
      <c r="O45" s="161"/>
      <c r="P45" s="161"/>
      <c r="Q45" s="161"/>
      <c r="R45" s="161"/>
      <c r="S45" s="161"/>
      <c r="T45" s="161"/>
      <c r="U45" s="161"/>
      <c r="V45" s="161"/>
      <c r="W45" s="161"/>
      <c r="X45" s="161"/>
      <c r="Y45" s="161"/>
      <c r="Z45" s="161"/>
      <c r="AA45" s="161"/>
      <c r="AB45" s="161"/>
      <c r="AC45" s="161"/>
      <c r="AD45" s="161"/>
      <c r="AE45" s="161"/>
      <c r="AF45" s="161"/>
      <c r="AG45" s="50"/>
      <c r="AH45" s="50"/>
      <c r="AI45" s="50"/>
      <c r="AJ45" s="50"/>
      <c r="AK45" s="161"/>
      <c r="AL45" s="161"/>
      <c r="AM45" s="179"/>
      <c r="AN45" s="179"/>
      <c r="AO45" s="179"/>
      <c r="AP45" s="179"/>
      <c r="AQ45" s="179"/>
      <c r="AR45" s="179"/>
      <c r="AS45" s="179"/>
      <c r="AT45" s="179"/>
      <c r="AU45" s="179"/>
      <c r="AV45" s="179"/>
      <c r="AW45" s="179"/>
      <c r="AX45" s="161"/>
      <c r="AY45" s="161"/>
      <c r="AZ45" s="161"/>
      <c r="BA45" s="161"/>
      <c r="BB45" s="161"/>
      <c r="BC45" s="161"/>
      <c r="BD45" s="161"/>
      <c r="BE45" s="161"/>
      <c r="BF45" s="161"/>
      <c r="BG45" s="161"/>
      <c r="BH45" s="161"/>
      <c r="BI45" s="161"/>
      <c r="BJ45" s="161"/>
      <c r="BK45" s="161"/>
      <c r="BL45" s="161"/>
      <c r="BM45" s="161"/>
      <c r="BN45" s="161"/>
      <c r="BO45" s="161"/>
      <c r="BP45" s="161"/>
      <c r="BQ45" s="161"/>
      <c r="BR45" s="161"/>
      <c r="BS45" s="161"/>
      <c r="BT45" s="161"/>
      <c r="BU45" s="161"/>
      <c r="BV45" s="53"/>
    </row>
    <row r="46" spans="1:81" s="51" customFormat="1" ht="20.25" customHeight="1" x14ac:dyDescent="0.2">
      <c r="A46" s="50"/>
      <c r="B46" s="161"/>
      <c r="C46" s="161"/>
      <c r="D46" s="161"/>
      <c r="E46" s="161"/>
      <c r="F46" s="161"/>
      <c r="G46" s="161"/>
      <c r="H46" s="161"/>
      <c r="I46" s="161"/>
      <c r="J46" s="161"/>
      <c r="K46" s="161"/>
      <c r="L46" s="161"/>
      <c r="M46" s="161"/>
      <c r="N46" s="161"/>
      <c r="O46" s="161"/>
      <c r="P46" s="161"/>
      <c r="Q46" s="161"/>
      <c r="R46" s="161"/>
      <c r="S46" s="161"/>
      <c r="T46" s="161"/>
      <c r="U46" s="161"/>
      <c r="V46" s="161"/>
      <c r="W46" s="161"/>
      <c r="X46" s="161"/>
      <c r="Y46" s="161"/>
      <c r="Z46" s="161"/>
      <c r="AA46" s="161"/>
      <c r="AB46" s="161"/>
      <c r="AC46" s="161"/>
      <c r="AD46" s="161"/>
      <c r="AE46" s="161"/>
      <c r="AF46" s="161"/>
      <c r="AG46" s="50"/>
      <c r="AH46" s="50"/>
      <c r="AI46" s="50"/>
      <c r="AJ46" s="50"/>
      <c r="AK46" s="161"/>
      <c r="AL46" s="161"/>
      <c r="AM46" s="179"/>
      <c r="AN46" s="179"/>
      <c r="AO46" s="179"/>
      <c r="AP46" s="179"/>
      <c r="AQ46" s="179"/>
      <c r="AR46" s="179"/>
      <c r="AS46" s="179"/>
      <c r="AT46" s="179"/>
      <c r="AU46" s="179"/>
      <c r="AV46" s="179"/>
      <c r="AW46" s="179"/>
      <c r="AX46" s="161"/>
      <c r="AY46" s="161"/>
      <c r="AZ46" s="161"/>
      <c r="BA46" s="161"/>
      <c r="BB46" s="161"/>
      <c r="BC46" s="161"/>
      <c r="BD46" s="161"/>
      <c r="BE46" s="161"/>
      <c r="BF46" s="161"/>
      <c r="BG46" s="161"/>
      <c r="BH46" s="161"/>
      <c r="BI46" s="161"/>
      <c r="BJ46" s="161"/>
      <c r="BK46" s="161"/>
      <c r="BL46" s="161"/>
      <c r="BM46" s="161"/>
      <c r="BN46" s="161"/>
      <c r="BO46" s="161"/>
      <c r="BP46" s="161"/>
      <c r="BQ46" s="161"/>
      <c r="BR46" s="161"/>
      <c r="BS46" s="161"/>
      <c r="BT46" s="161"/>
      <c r="BU46" s="161"/>
      <c r="BV46" s="53"/>
    </row>
    <row r="47" spans="1:81" s="51" customFormat="1" ht="20.25" customHeight="1" x14ac:dyDescent="0.2">
      <c r="A47" s="50"/>
      <c r="B47" s="161"/>
      <c r="C47" s="161"/>
      <c r="D47" s="161"/>
      <c r="E47" s="161"/>
      <c r="F47" s="161"/>
      <c r="G47" s="161"/>
      <c r="H47" s="161"/>
      <c r="I47" s="161"/>
      <c r="J47" s="161"/>
      <c r="K47" s="161"/>
      <c r="L47" s="161"/>
      <c r="M47" s="161"/>
      <c r="N47" s="161"/>
      <c r="O47" s="161"/>
      <c r="P47" s="161"/>
      <c r="Q47" s="161"/>
      <c r="R47" s="161"/>
      <c r="S47" s="161"/>
      <c r="T47" s="161"/>
      <c r="U47" s="161"/>
      <c r="V47" s="161"/>
      <c r="W47" s="161"/>
      <c r="X47" s="161"/>
      <c r="Y47" s="161"/>
      <c r="Z47" s="161"/>
      <c r="AA47" s="161"/>
      <c r="AB47" s="161"/>
      <c r="AC47" s="161"/>
      <c r="AD47" s="161"/>
      <c r="AE47" s="161"/>
      <c r="AF47" s="161"/>
      <c r="AG47" s="50"/>
      <c r="AH47" s="50"/>
      <c r="AI47" s="50"/>
      <c r="AJ47" s="50"/>
      <c r="AK47" s="161"/>
      <c r="AL47" s="161"/>
      <c r="AM47" s="179"/>
      <c r="AN47" s="179"/>
      <c r="AO47" s="179"/>
      <c r="AP47" s="179"/>
      <c r="AQ47" s="179"/>
      <c r="AR47" s="179"/>
      <c r="AS47" s="179"/>
      <c r="AT47" s="179"/>
      <c r="AU47" s="179"/>
      <c r="AV47" s="179"/>
      <c r="AW47" s="179"/>
      <c r="AX47" s="161"/>
      <c r="AY47" s="161"/>
      <c r="AZ47" s="161"/>
      <c r="BA47" s="161"/>
      <c r="BB47" s="161"/>
      <c r="BC47" s="161"/>
      <c r="BD47" s="161"/>
      <c r="BE47" s="161"/>
      <c r="BF47" s="161"/>
      <c r="BG47" s="161"/>
      <c r="BH47" s="161"/>
      <c r="BI47" s="161"/>
      <c r="BJ47" s="161"/>
      <c r="BK47" s="161"/>
      <c r="BL47" s="161"/>
      <c r="BM47" s="161"/>
      <c r="BN47" s="161"/>
      <c r="BO47" s="161"/>
      <c r="BP47" s="161"/>
      <c r="BQ47" s="161"/>
      <c r="BR47" s="161"/>
      <c r="BS47" s="161"/>
      <c r="BT47" s="161"/>
      <c r="BU47" s="161"/>
    </row>
    <row r="48" spans="1:81" s="51" customFormat="1" ht="16.05" customHeight="1" x14ac:dyDescent="0.2">
      <c r="A48" s="50"/>
      <c r="B48" s="161"/>
      <c r="C48" s="161"/>
      <c r="D48" s="161"/>
      <c r="E48" s="161"/>
      <c r="F48" s="161"/>
      <c r="G48" s="161"/>
      <c r="H48" s="161"/>
      <c r="I48" s="161"/>
      <c r="J48" s="161"/>
      <c r="K48" s="161"/>
      <c r="L48" s="161"/>
      <c r="M48" s="161"/>
      <c r="N48" s="161"/>
      <c r="O48" s="161"/>
      <c r="P48" s="161"/>
      <c r="Q48" s="161"/>
      <c r="R48" s="161"/>
      <c r="S48" s="161"/>
      <c r="T48" s="161"/>
      <c r="U48" s="161"/>
      <c r="V48" s="161"/>
      <c r="W48" s="161"/>
      <c r="X48" s="161"/>
      <c r="Y48" s="161"/>
      <c r="Z48" s="161"/>
      <c r="AA48" s="161"/>
      <c r="AB48" s="161"/>
      <c r="AC48" s="161"/>
      <c r="AD48" s="161"/>
      <c r="AE48" s="161"/>
      <c r="AF48" s="161"/>
      <c r="AG48" s="50"/>
      <c r="AH48" s="50"/>
      <c r="AM48" s="179"/>
      <c r="AN48" s="179"/>
      <c r="AO48" s="179"/>
      <c r="AP48" s="179"/>
      <c r="AQ48" s="179"/>
      <c r="AR48" s="179"/>
      <c r="AS48" s="179"/>
      <c r="AT48" s="179"/>
      <c r="AU48" s="179"/>
      <c r="AV48" s="179"/>
      <c r="AW48" s="179"/>
      <c r="AX48" s="161"/>
      <c r="AY48" s="161"/>
      <c r="AZ48" s="161"/>
      <c r="BA48" s="161"/>
      <c r="BB48" s="161"/>
      <c r="BC48" s="161"/>
      <c r="BD48" s="161"/>
      <c r="BE48" s="161"/>
      <c r="BF48" s="161"/>
      <c r="BG48" s="161"/>
      <c r="BH48" s="161"/>
      <c r="BI48" s="161"/>
      <c r="BJ48" s="161"/>
      <c r="BK48" s="161"/>
      <c r="BL48" s="161"/>
      <c r="BM48" s="161"/>
      <c r="BN48" s="161"/>
      <c r="BO48" s="161"/>
      <c r="BP48" s="161"/>
      <c r="BQ48" s="161"/>
      <c r="BR48" s="161"/>
      <c r="BS48" s="161"/>
      <c r="BT48" s="161"/>
      <c r="BU48" s="161"/>
      <c r="BV48" s="50"/>
      <c r="BX48" s="175"/>
    </row>
    <row r="49" spans="1:78" s="51" customFormat="1" ht="16.05" customHeight="1" x14ac:dyDescent="0.2">
      <c r="A49" s="50"/>
      <c r="B49" s="161"/>
      <c r="C49" s="161"/>
      <c r="D49" s="161"/>
      <c r="E49" s="161"/>
      <c r="F49" s="161"/>
      <c r="G49" s="161"/>
      <c r="H49" s="161"/>
      <c r="I49" s="161"/>
      <c r="J49" s="161"/>
      <c r="K49" s="161"/>
      <c r="L49" s="161"/>
      <c r="M49" s="161"/>
      <c r="N49" s="161"/>
      <c r="O49" s="161"/>
      <c r="P49" s="161"/>
      <c r="Q49" s="161"/>
      <c r="R49" s="161"/>
      <c r="S49" s="161"/>
      <c r="T49" s="161"/>
      <c r="U49" s="161"/>
      <c r="V49" s="161"/>
      <c r="W49" s="161"/>
      <c r="X49" s="161"/>
      <c r="Y49" s="161"/>
      <c r="Z49" s="161"/>
      <c r="AA49" s="161"/>
      <c r="AB49" s="161"/>
      <c r="AC49" s="161"/>
      <c r="AD49" s="161"/>
      <c r="AE49" s="161"/>
      <c r="AF49" s="161"/>
      <c r="AM49" s="179"/>
      <c r="AN49" s="179"/>
      <c r="AO49" s="179"/>
      <c r="AP49" s="179"/>
      <c r="AQ49" s="179"/>
      <c r="AR49" s="179"/>
      <c r="AS49" s="179"/>
      <c r="AT49" s="179"/>
      <c r="AU49" s="179"/>
      <c r="AV49" s="179"/>
      <c r="AW49" s="179"/>
      <c r="AX49" s="161"/>
      <c r="AY49" s="161"/>
      <c r="AZ49" s="161"/>
      <c r="BA49" s="161"/>
      <c r="BB49" s="161"/>
      <c r="BC49" s="161"/>
      <c r="BD49" s="161"/>
      <c r="BE49" s="161"/>
      <c r="BF49" s="161"/>
      <c r="BG49" s="161"/>
      <c r="BH49" s="161"/>
      <c r="BI49" s="161"/>
      <c r="BJ49" s="161"/>
      <c r="BK49" s="161"/>
      <c r="BL49" s="161"/>
      <c r="BM49" s="161"/>
      <c r="BN49" s="161"/>
      <c r="BO49" s="161"/>
      <c r="BP49" s="161"/>
      <c r="BQ49" s="161"/>
      <c r="BR49" s="161"/>
      <c r="BS49" s="161"/>
      <c r="BT49" s="161"/>
      <c r="BU49" s="161"/>
      <c r="BV49" s="53"/>
      <c r="BW49" s="54"/>
      <c r="BX49" s="54"/>
      <c r="BY49" s="54"/>
    </row>
    <row r="50" spans="1:78" s="51" customFormat="1" ht="15" customHeight="1" x14ac:dyDescent="0.2">
      <c r="A50" s="50"/>
      <c r="B50" s="161"/>
      <c r="C50" s="161"/>
      <c r="D50" s="161"/>
      <c r="E50" s="161"/>
      <c r="F50" s="161"/>
      <c r="G50" s="161"/>
      <c r="H50" s="161"/>
      <c r="I50" s="161"/>
      <c r="J50" s="161"/>
      <c r="K50" s="161"/>
      <c r="L50" s="161"/>
      <c r="M50" s="161"/>
      <c r="N50" s="161"/>
      <c r="O50" s="161"/>
      <c r="P50" s="161"/>
      <c r="Q50" s="161"/>
      <c r="R50" s="161"/>
      <c r="S50" s="161"/>
      <c r="T50" s="161"/>
      <c r="U50" s="161"/>
      <c r="V50" s="161"/>
      <c r="W50" s="161"/>
      <c r="X50" s="161"/>
      <c r="Y50" s="161"/>
      <c r="Z50" s="161"/>
      <c r="AA50" s="161"/>
      <c r="AB50" s="161"/>
      <c r="AC50" s="161"/>
      <c r="AD50" s="161"/>
      <c r="AE50" s="161"/>
      <c r="AF50" s="161"/>
      <c r="AJ50" s="179"/>
      <c r="AM50" s="179"/>
      <c r="AN50" s="179"/>
      <c r="AO50" s="179"/>
      <c r="AP50" s="179"/>
      <c r="AQ50" s="179"/>
      <c r="AR50" s="179"/>
      <c r="AS50" s="179"/>
      <c r="AT50" s="179"/>
      <c r="AU50" s="179"/>
      <c r="AV50" s="179"/>
      <c r="AW50" s="179"/>
      <c r="AX50" s="161"/>
      <c r="AY50" s="161"/>
      <c r="AZ50" s="161"/>
      <c r="BA50" s="161"/>
      <c r="BB50" s="161"/>
      <c r="BC50" s="161"/>
      <c r="BD50" s="161"/>
      <c r="BE50" s="161"/>
      <c r="BF50" s="161"/>
      <c r="BG50" s="161"/>
      <c r="BH50" s="161"/>
      <c r="BI50" s="161"/>
      <c r="BJ50" s="161"/>
      <c r="BK50" s="161"/>
      <c r="BL50" s="161"/>
      <c r="BM50" s="161"/>
      <c r="BN50" s="161"/>
      <c r="BO50" s="161"/>
      <c r="BP50" s="161"/>
      <c r="BQ50" s="161"/>
      <c r="BR50" s="161"/>
      <c r="BS50" s="161"/>
      <c r="BT50" s="161"/>
      <c r="BU50" s="161"/>
      <c r="BV50" s="50"/>
    </row>
    <row r="51" spans="1:78" s="179" customFormat="1" ht="16.05" customHeight="1" x14ac:dyDescent="0.2">
      <c r="A51" s="50"/>
      <c r="B51" s="161"/>
      <c r="C51" s="161"/>
      <c r="D51" s="161"/>
      <c r="E51" s="161"/>
      <c r="F51" s="161"/>
      <c r="G51" s="161"/>
      <c r="H51" s="161"/>
      <c r="I51" s="161"/>
      <c r="J51" s="161"/>
      <c r="K51" s="161"/>
      <c r="L51" s="161"/>
      <c r="M51" s="161"/>
      <c r="N51" s="161"/>
      <c r="O51" s="161"/>
      <c r="P51" s="161"/>
      <c r="Q51" s="161"/>
      <c r="R51" s="161"/>
      <c r="S51" s="161"/>
      <c r="T51" s="161"/>
      <c r="U51" s="161"/>
      <c r="V51" s="161"/>
      <c r="W51" s="161"/>
      <c r="X51" s="161"/>
      <c r="Y51" s="161"/>
      <c r="Z51" s="161"/>
      <c r="AA51" s="161"/>
      <c r="AB51" s="161"/>
      <c r="AC51" s="161"/>
      <c r="AD51" s="161"/>
      <c r="AE51" s="161"/>
      <c r="AF51" s="161"/>
      <c r="AG51" s="51"/>
      <c r="AH51" s="51"/>
      <c r="AI51" s="51"/>
      <c r="AJ51" s="50"/>
      <c r="AX51" s="161"/>
      <c r="AY51" s="161"/>
      <c r="AZ51" s="161"/>
      <c r="BA51" s="161"/>
      <c r="BB51" s="161"/>
      <c r="BC51" s="161"/>
      <c r="BD51" s="161"/>
      <c r="BE51" s="161"/>
      <c r="BF51" s="161"/>
      <c r="BG51" s="161"/>
      <c r="BH51" s="161"/>
      <c r="BI51" s="161"/>
      <c r="BJ51" s="161"/>
      <c r="BK51" s="161"/>
      <c r="BL51" s="161"/>
      <c r="BM51" s="161"/>
      <c r="BN51" s="161"/>
      <c r="BO51" s="161"/>
      <c r="BP51" s="161"/>
      <c r="BQ51" s="161"/>
      <c r="BR51" s="161"/>
      <c r="BS51" s="161"/>
      <c r="BT51" s="161"/>
      <c r="BU51" s="161"/>
      <c r="BV51" s="51"/>
      <c r="BW51" s="51"/>
      <c r="BX51" s="51"/>
      <c r="BY51" s="51"/>
      <c r="BZ51" s="50"/>
    </row>
    <row r="52" spans="1:78" s="179" customFormat="1" ht="16.05" customHeight="1" x14ac:dyDescent="0.2">
      <c r="A52" s="50"/>
      <c r="B52" s="161"/>
      <c r="C52" s="161"/>
      <c r="D52" s="161"/>
      <c r="E52" s="161"/>
      <c r="F52" s="161"/>
      <c r="G52" s="161"/>
      <c r="H52" s="161"/>
      <c r="I52" s="161"/>
      <c r="J52" s="161"/>
      <c r="K52" s="161"/>
      <c r="L52" s="161"/>
      <c r="M52" s="161"/>
      <c r="N52" s="161"/>
      <c r="O52" s="161"/>
      <c r="P52" s="161"/>
      <c r="Q52" s="161"/>
      <c r="R52" s="161"/>
      <c r="S52" s="161"/>
      <c r="T52" s="161"/>
      <c r="U52" s="161"/>
      <c r="V52" s="161"/>
      <c r="W52" s="161"/>
      <c r="X52" s="161"/>
      <c r="Y52" s="161"/>
      <c r="Z52" s="161"/>
      <c r="AA52" s="161"/>
      <c r="AB52" s="161"/>
      <c r="AC52" s="161"/>
      <c r="AD52" s="161"/>
      <c r="AE52" s="161"/>
      <c r="AF52" s="161"/>
      <c r="AG52" s="51"/>
      <c r="AH52" s="51"/>
      <c r="AI52" s="51"/>
      <c r="AJ52" s="50"/>
      <c r="AX52" s="161"/>
      <c r="AY52" s="161"/>
      <c r="AZ52" s="161"/>
      <c r="BA52" s="161"/>
      <c r="BB52" s="161"/>
      <c r="BC52" s="161"/>
      <c r="BD52" s="161"/>
      <c r="BE52" s="161"/>
      <c r="BF52" s="161"/>
      <c r="BG52" s="161"/>
      <c r="BH52" s="161"/>
      <c r="BI52" s="161"/>
      <c r="BJ52" s="161"/>
      <c r="BK52" s="161"/>
      <c r="BL52" s="161"/>
      <c r="BM52" s="161"/>
      <c r="BN52" s="161"/>
      <c r="BO52" s="161"/>
      <c r="BP52" s="161"/>
      <c r="BQ52" s="161"/>
      <c r="BR52" s="161"/>
      <c r="BS52" s="161"/>
      <c r="BT52" s="161"/>
      <c r="BU52" s="161"/>
      <c r="BV52" s="51"/>
      <c r="BW52" s="51"/>
      <c r="BX52" s="51"/>
      <c r="BY52" s="51"/>
    </row>
    <row r="53" spans="1:78" s="179" customFormat="1" ht="16.05" customHeight="1" x14ac:dyDescent="0.2">
      <c r="A53" s="50"/>
      <c r="B53" s="161"/>
      <c r="C53" s="161"/>
      <c r="D53" s="161"/>
      <c r="E53" s="161"/>
      <c r="F53" s="161"/>
      <c r="G53" s="161"/>
      <c r="H53" s="161"/>
      <c r="I53" s="161"/>
      <c r="J53" s="161"/>
      <c r="K53" s="161"/>
      <c r="L53" s="161"/>
      <c r="M53" s="161"/>
      <c r="N53" s="161"/>
      <c r="O53" s="161"/>
      <c r="P53" s="161"/>
      <c r="Q53" s="161"/>
      <c r="R53" s="161"/>
      <c r="S53" s="161"/>
      <c r="T53" s="161"/>
      <c r="U53" s="161"/>
      <c r="V53" s="161"/>
      <c r="W53" s="161"/>
      <c r="X53" s="161"/>
      <c r="Y53" s="161"/>
      <c r="Z53" s="161"/>
      <c r="AA53" s="161"/>
      <c r="AB53" s="161"/>
      <c r="AC53" s="161"/>
      <c r="AD53" s="161"/>
      <c r="AE53" s="161"/>
      <c r="AF53" s="161"/>
      <c r="AG53" s="51"/>
      <c r="AH53" s="51"/>
      <c r="AI53" s="51"/>
      <c r="AJ53" s="50"/>
      <c r="AX53" s="161"/>
      <c r="AY53" s="161"/>
      <c r="AZ53" s="161"/>
      <c r="BA53" s="161"/>
      <c r="BB53" s="161"/>
      <c r="BC53" s="161"/>
      <c r="BD53" s="161"/>
      <c r="BE53" s="161"/>
      <c r="BF53" s="161"/>
      <c r="BG53" s="161"/>
      <c r="BH53" s="161"/>
      <c r="BI53" s="161"/>
      <c r="BJ53" s="161"/>
      <c r="BK53" s="161"/>
      <c r="BL53" s="161"/>
      <c r="BM53" s="161"/>
      <c r="BN53" s="161"/>
      <c r="BO53" s="161"/>
      <c r="BP53" s="161"/>
      <c r="BQ53" s="161"/>
      <c r="BR53" s="161"/>
      <c r="BS53" s="161"/>
      <c r="BT53" s="161"/>
      <c r="BU53" s="161"/>
      <c r="BV53" s="51"/>
      <c r="BW53" s="51"/>
      <c r="BX53" s="51"/>
      <c r="BY53" s="51"/>
    </row>
    <row r="54" spans="1:78" s="179" customFormat="1" ht="16.05" customHeight="1" x14ac:dyDescent="0.2">
      <c r="A54" s="50"/>
      <c r="B54" s="161"/>
      <c r="C54" s="161"/>
      <c r="D54" s="161"/>
      <c r="E54" s="161"/>
      <c r="F54" s="161"/>
      <c r="G54" s="161"/>
      <c r="H54" s="161"/>
      <c r="I54" s="161"/>
      <c r="J54" s="161"/>
      <c r="K54" s="161"/>
      <c r="L54" s="161"/>
      <c r="M54" s="161"/>
      <c r="N54" s="161"/>
      <c r="O54" s="161"/>
      <c r="P54" s="161"/>
      <c r="Q54" s="161"/>
      <c r="R54" s="161"/>
      <c r="S54" s="161"/>
      <c r="T54" s="161"/>
      <c r="U54" s="161"/>
      <c r="V54" s="161"/>
      <c r="W54" s="161"/>
      <c r="X54" s="161"/>
      <c r="Y54" s="161"/>
      <c r="Z54" s="161"/>
      <c r="AA54" s="161"/>
      <c r="AB54" s="161"/>
      <c r="AC54" s="161"/>
      <c r="AD54" s="161"/>
      <c r="AE54" s="161"/>
      <c r="AF54" s="161"/>
      <c r="AG54" s="51"/>
      <c r="AH54" s="51"/>
      <c r="AI54" s="177"/>
      <c r="AJ54" s="50"/>
      <c r="AX54" s="161"/>
      <c r="AY54" s="161"/>
      <c r="AZ54" s="161"/>
      <c r="BA54" s="161"/>
      <c r="BB54" s="161"/>
      <c r="BC54" s="161"/>
      <c r="BD54" s="161"/>
      <c r="BE54" s="161"/>
      <c r="BF54" s="161"/>
      <c r="BG54" s="161"/>
      <c r="BH54" s="161"/>
      <c r="BI54" s="161"/>
      <c r="BJ54" s="161"/>
      <c r="BK54" s="161"/>
      <c r="BL54" s="161"/>
      <c r="BM54" s="161"/>
      <c r="BN54" s="161"/>
      <c r="BO54" s="161"/>
      <c r="BP54" s="161"/>
      <c r="BQ54" s="161"/>
      <c r="BR54" s="161"/>
      <c r="BS54" s="161"/>
      <c r="BT54" s="161"/>
      <c r="BU54" s="161"/>
      <c r="BV54" s="51"/>
      <c r="BX54" s="51"/>
      <c r="BY54" s="51"/>
    </row>
    <row r="55" spans="1:78" s="179" customFormat="1" ht="16.05" customHeight="1" x14ac:dyDescent="0.2">
      <c r="A55" s="50"/>
      <c r="B55" s="161"/>
      <c r="C55" s="161"/>
      <c r="D55" s="161"/>
      <c r="E55" s="161"/>
      <c r="F55" s="161"/>
      <c r="G55" s="161"/>
      <c r="H55" s="161"/>
      <c r="I55" s="161"/>
      <c r="J55" s="161"/>
      <c r="K55" s="161"/>
      <c r="L55" s="161"/>
      <c r="M55" s="161"/>
      <c r="N55" s="161"/>
      <c r="O55" s="161"/>
      <c r="P55" s="161"/>
      <c r="Q55" s="161"/>
      <c r="R55" s="161"/>
      <c r="S55" s="161"/>
      <c r="T55" s="161"/>
      <c r="U55" s="161"/>
      <c r="V55" s="161"/>
      <c r="W55" s="161"/>
      <c r="X55" s="161"/>
      <c r="Y55" s="161"/>
      <c r="Z55" s="161"/>
      <c r="AA55" s="161"/>
      <c r="AB55" s="161"/>
      <c r="AC55" s="161"/>
      <c r="AD55" s="161"/>
      <c r="AE55" s="161"/>
      <c r="AF55" s="161"/>
      <c r="AG55" s="51"/>
      <c r="AH55" s="51"/>
      <c r="AI55" s="178"/>
      <c r="AJ55" s="50"/>
      <c r="AX55" s="161"/>
      <c r="AY55" s="161"/>
      <c r="AZ55" s="161"/>
      <c r="BA55" s="161"/>
      <c r="BB55" s="161"/>
      <c r="BC55" s="161"/>
      <c r="BD55" s="161"/>
      <c r="BE55" s="161"/>
      <c r="BF55" s="161"/>
      <c r="BG55" s="161"/>
      <c r="BH55" s="161"/>
      <c r="BI55" s="161"/>
      <c r="BJ55" s="161"/>
      <c r="BK55" s="161"/>
      <c r="BL55" s="161"/>
      <c r="BM55" s="161"/>
      <c r="BN55" s="161"/>
      <c r="BO55" s="161"/>
      <c r="BP55" s="161"/>
      <c r="BQ55" s="161"/>
      <c r="BR55" s="161"/>
      <c r="BS55" s="161"/>
      <c r="BT55" s="161"/>
      <c r="BU55" s="161"/>
      <c r="BV55" s="51"/>
      <c r="BW55" s="51"/>
      <c r="BX55" s="51"/>
      <c r="BY55" s="51"/>
    </row>
    <row r="56" spans="1:78" s="179" customFormat="1" ht="16.05" customHeight="1" x14ac:dyDescent="0.2">
      <c r="A56" s="50"/>
      <c r="B56" s="161"/>
      <c r="C56" s="161"/>
      <c r="D56" s="161"/>
      <c r="E56" s="161"/>
      <c r="F56" s="161"/>
      <c r="G56" s="161"/>
      <c r="H56" s="161"/>
      <c r="I56" s="161"/>
      <c r="J56" s="161"/>
      <c r="K56" s="161"/>
      <c r="L56" s="161"/>
      <c r="M56" s="161"/>
      <c r="N56" s="161"/>
      <c r="O56" s="161"/>
      <c r="P56" s="161"/>
      <c r="Q56" s="161"/>
      <c r="R56" s="161"/>
      <c r="S56" s="161"/>
      <c r="T56" s="161"/>
      <c r="U56" s="161"/>
      <c r="V56" s="161"/>
      <c r="W56" s="161"/>
      <c r="X56" s="161"/>
      <c r="Y56" s="161"/>
      <c r="Z56" s="161"/>
      <c r="AA56" s="161"/>
      <c r="AB56" s="161"/>
      <c r="AC56" s="161"/>
      <c r="AD56" s="161"/>
      <c r="AE56" s="161"/>
      <c r="AF56" s="161"/>
      <c r="AG56" s="51"/>
      <c r="AH56" s="51"/>
      <c r="AI56" s="51"/>
      <c r="AJ56" s="50"/>
      <c r="AX56" s="161"/>
      <c r="AY56" s="161"/>
      <c r="AZ56" s="161"/>
      <c r="BA56" s="161"/>
      <c r="BB56" s="161"/>
      <c r="BC56" s="161"/>
      <c r="BD56" s="161"/>
      <c r="BE56" s="161"/>
      <c r="BF56" s="161"/>
      <c r="BG56" s="161"/>
      <c r="BH56" s="161"/>
      <c r="BI56" s="161"/>
      <c r="BJ56" s="161"/>
      <c r="BK56" s="161"/>
      <c r="BL56" s="161"/>
      <c r="BM56" s="161"/>
      <c r="BN56" s="161"/>
      <c r="BO56" s="161"/>
      <c r="BP56" s="161"/>
      <c r="BQ56" s="161"/>
      <c r="BR56" s="161"/>
      <c r="BS56" s="161"/>
      <c r="BT56" s="161"/>
      <c r="BU56" s="161"/>
      <c r="BV56" s="51"/>
      <c r="BW56" s="51"/>
      <c r="BX56" s="51"/>
      <c r="BY56" s="51"/>
    </row>
    <row r="57" spans="1:78" s="179" customFormat="1" ht="16.05" customHeight="1" x14ac:dyDescent="0.2">
      <c r="A57" s="50"/>
      <c r="B57" s="161"/>
      <c r="C57" s="161"/>
      <c r="D57" s="161"/>
      <c r="E57" s="161"/>
      <c r="F57" s="161"/>
      <c r="G57" s="161"/>
      <c r="H57" s="161"/>
      <c r="I57" s="161"/>
      <c r="J57" s="161"/>
      <c r="K57" s="161"/>
      <c r="L57" s="161"/>
      <c r="M57" s="161"/>
      <c r="N57" s="161"/>
      <c r="O57" s="161"/>
      <c r="P57" s="161"/>
      <c r="Q57" s="161"/>
      <c r="R57" s="161"/>
      <c r="S57" s="161"/>
      <c r="T57" s="161"/>
      <c r="U57" s="161"/>
      <c r="V57" s="161"/>
      <c r="W57" s="161"/>
      <c r="X57" s="161"/>
      <c r="Y57" s="161"/>
      <c r="Z57" s="161"/>
      <c r="AA57" s="161"/>
      <c r="AB57" s="161"/>
      <c r="AC57" s="161"/>
      <c r="AD57" s="161"/>
      <c r="AE57" s="161"/>
      <c r="AF57" s="161"/>
      <c r="AG57" s="51"/>
      <c r="AH57" s="51"/>
      <c r="AI57" s="51"/>
      <c r="AJ57" s="50"/>
      <c r="AX57" s="161"/>
      <c r="AY57" s="161"/>
      <c r="AZ57" s="161"/>
      <c r="BA57" s="161"/>
      <c r="BB57" s="161"/>
      <c r="BC57" s="161"/>
      <c r="BD57" s="161"/>
      <c r="BE57" s="161"/>
      <c r="BF57" s="161"/>
      <c r="BG57" s="161"/>
      <c r="BH57" s="161"/>
      <c r="BI57" s="161"/>
      <c r="BJ57" s="161"/>
      <c r="BK57" s="161"/>
      <c r="BL57" s="161"/>
      <c r="BM57" s="161"/>
      <c r="BN57" s="161"/>
      <c r="BO57" s="161"/>
      <c r="BP57" s="161"/>
      <c r="BQ57" s="161"/>
      <c r="BR57" s="161"/>
      <c r="BS57" s="161"/>
      <c r="BT57" s="161"/>
      <c r="BU57" s="161"/>
      <c r="BV57" s="51"/>
      <c r="BW57" s="51"/>
      <c r="BX57" s="51"/>
      <c r="BY57" s="51"/>
    </row>
    <row r="58" spans="1:78" s="179" customFormat="1" ht="16.05" customHeight="1" x14ac:dyDescent="0.2">
      <c r="A58" s="50"/>
      <c r="B58" s="161"/>
      <c r="C58" s="161"/>
      <c r="D58" s="161"/>
      <c r="E58" s="161"/>
      <c r="F58" s="161"/>
      <c r="G58" s="161"/>
      <c r="H58" s="161"/>
      <c r="I58" s="161"/>
      <c r="J58" s="161"/>
      <c r="K58" s="161"/>
      <c r="L58" s="161"/>
      <c r="M58" s="161"/>
      <c r="N58" s="161"/>
      <c r="O58" s="161"/>
      <c r="P58" s="161"/>
      <c r="Q58" s="161"/>
      <c r="R58" s="161"/>
      <c r="S58" s="161"/>
      <c r="T58" s="161"/>
      <c r="U58" s="161"/>
      <c r="V58" s="161"/>
      <c r="W58" s="161"/>
      <c r="X58" s="161"/>
      <c r="Y58" s="161"/>
      <c r="Z58" s="161"/>
      <c r="AA58" s="161"/>
      <c r="AB58" s="161"/>
      <c r="AC58" s="161"/>
      <c r="AD58" s="161"/>
      <c r="AE58" s="161"/>
      <c r="AF58" s="161"/>
      <c r="AG58" s="51"/>
      <c r="AH58" s="51"/>
      <c r="AI58" s="51"/>
      <c r="AJ58" s="50"/>
      <c r="AX58" s="161"/>
      <c r="AY58" s="161"/>
      <c r="AZ58" s="161"/>
      <c r="BA58" s="161"/>
      <c r="BB58" s="161"/>
      <c r="BC58" s="161"/>
      <c r="BD58" s="161"/>
      <c r="BE58" s="161"/>
      <c r="BF58" s="161"/>
      <c r="BG58" s="161"/>
      <c r="BH58" s="161"/>
      <c r="BI58" s="161"/>
      <c r="BJ58" s="161"/>
      <c r="BK58" s="161"/>
      <c r="BL58" s="161"/>
      <c r="BM58" s="161"/>
      <c r="BN58" s="161"/>
      <c r="BO58" s="161"/>
      <c r="BP58" s="161"/>
      <c r="BQ58" s="161"/>
      <c r="BR58" s="161"/>
      <c r="BS58" s="161"/>
      <c r="BT58" s="161"/>
      <c r="BU58" s="161"/>
      <c r="BV58" s="51"/>
      <c r="BW58" s="51"/>
      <c r="BX58" s="51"/>
      <c r="BY58" s="51"/>
    </row>
    <row r="59" spans="1:78" s="179" customFormat="1" ht="16.05" customHeight="1" x14ac:dyDescent="0.2">
      <c r="A59" s="50"/>
      <c r="B59" s="161"/>
      <c r="C59" s="161"/>
      <c r="D59" s="161"/>
      <c r="E59" s="161"/>
      <c r="F59" s="161"/>
      <c r="G59" s="161"/>
      <c r="H59" s="161"/>
      <c r="I59" s="161"/>
      <c r="J59" s="161"/>
      <c r="K59" s="161"/>
      <c r="L59" s="161"/>
      <c r="M59" s="161"/>
      <c r="N59" s="161"/>
      <c r="O59" s="161"/>
      <c r="P59" s="161"/>
      <c r="Q59" s="161"/>
      <c r="R59" s="161"/>
      <c r="S59" s="161"/>
      <c r="T59" s="161"/>
      <c r="U59" s="161"/>
      <c r="V59" s="161"/>
      <c r="W59" s="161"/>
      <c r="X59" s="161"/>
      <c r="Y59" s="161"/>
      <c r="Z59" s="161"/>
      <c r="AA59" s="161"/>
      <c r="AB59" s="161"/>
      <c r="AC59" s="161"/>
      <c r="AD59" s="161"/>
      <c r="AE59" s="161"/>
      <c r="AF59" s="161"/>
      <c r="AG59" s="51"/>
      <c r="AH59" s="51"/>
      <c r="AI59" s="51"/>
      <c r="AJ59" s="50"/>
      <c r="AM59" s="161"/>
      <c r="AN59" s="161"/>
      <c r="AO59" s="161"/>
      <c r="AP59" s="161"/>
      <c r="AQ59" s="161"/>
      <c r="AR59" s="161"/>
      <c r="AS59" s="161"/>
      <c r="AT59" s="161"/>
      <c r="AU59" s="161"/>
      <c r="AV59" s="161"/>
      <c r="AW59" s="161"/>
      <c r="AX59" s="161"/>
      <c r="AY59" s="161"/>
      <c r="AZ59" s="161"/>
      <c r="BA59" s="161"/>
      <c r="BB59" s="161"/>
      <c r="BC59" s="161"/>
      <c r="BD59" s="161"/>
      <c r="BE59" s="161"/>
      <c r="BF59" s="161"/>
      <c r="BG59" s="161"/>
      <c r="BH59" s="161"/>
      <c r="BI59" s="161"/>
      <c r="BJ59" s="161"/>
      <c r="BK59" s="161"/>
      <c r="BL59" s="161"/>
      <c r="BM59" s="161"/>
      <c r="BN59" s="161"/>
      <c r="BO59" s="161"/>
      <c r="BP59" s="161"/>
      <c r="BQ59" s="161"/>
      <c r="BR59" s="161"/>
      <c r="BS59" s="161"/>
      <c r="BT59" s="161"/>
      <c r="BU59" s="161"/>
      <c r="BV59" s="51"/>
      <c r="BW59" s="51"/>
      <c r="BX59" s="51"/>
      <c r="BY59" s="51"/>
    </row>
    <row r="60" spans="1:78" s="179" customFormat="1" ht="16.05" customHeight="1" x14ac:dyDescent="0.2">
      <c r="A60" s="50"/>
      <c r="B60" s="161"/>
      <c r="C60" s="161"/>
      <c r="D60" s="161"/>
      <c r="E60" s="161"/>
      <c r="F60" s="161"/>
      <c r="G60" s="161"/>
      <c r="H60" s="161"/>
      <c r="I60" s="161"/>
      <c r="J60" s="161"/>
      <c r="K60" s="161"/>
      <c r="L60" s="161"/>
      <c r="M60" s="161"/>
      <c r="N60" s="161"/>
      <c r="O60" s="161"/>
      <c r="P60" s="161"/>
      <c r="Q60" s="161"/>
      <c r="R60" s="161"/>
      <c r="S60" s="161"/>
      <c r="T60" s="161"/>
      <c r="U60" s="161"/>
      <c r="V60" s="161"/>
      <c r="W60" s="161"/>
      <c r="X60" s="161"/>
      <c r="Y60" s="161"/>
      <c r="Z60" s="161"/>
      <c r="AA60" s="161"/>
      <c r="AB60" s="161"/>
      <c r="AC60" s="161"/>
      <c r="AD60" s="161"/>
      <c r="AE60" s="161"/>
      <c r="AF60" s="161"/>
      <c r="AG60" s="50"/>
      <c r="AH60" s="50"/>
      <c r="AI60" s="50"/>
      <c r="AJ60" s="50"/>
      <c r="AM60" s="161"/>
      <c r="AN60" s="161"/>
      <c r="AO60" s="161"/>
      <c r="AP60" s="161"/>
      <c r="AQ60" s="161"/>
      <c r="AR60" s="161"/>
      <c r="AS60" s="161"/>
      <c r="AT60" s="161"/>
      <c r="AU60" s="161"/>
      <c r="AV60" s="161"/>
      <c r="AW60" s="161"/>
      <c r="AX60" s="161"/>
      <c r="AY60" s="161"/>
      <c r="AZ60" s="161"/>
      <c r="BA60" s="161"/>
      <c r="BB60" s="161"/>
      <c r="BC60" s="161"/>
      <c r="BD60" s="161"/>
      <c r="BE60" s="161"/>
      <c r="BF60" s="161"/>
      <c r="BG60" s="161"/>
      <c r="BH60" s="161"/>
      <c r="BI60" s="161"/>
      <c r="BJ60" s="161"/>
      <c r="BK60" s="161"/>
      <c r="BL60" s="161"/>
      <c r="BM60" s="161"/>
      <c r="BN60" s="161"/>
      <c r="BO60" s="161"/>
      <c r="BP60" s="161"/>
      <c r="BQ60" s="161"/>
      <c r="BR60" s="161"/>
      <c r="BS60" s="161"/>
      <c r="BT60" s="161"/>
      <c r="BU60" s="161"/>
      <c r="BV60" s="51"/>
      <c r="BW60" s="51"/>
      <c r="BX60" s="51"/>
      <c r="BY60" s="51"/>
    </row>
    <row r="61" spans="1:78" s="179" customFormat="1" ht="16.05" customHeight="1" x14ac:dyDescent="0.2">
      <c r="A61" s="50"/>
      <c r="B61" s="161"/>
      <c r="C61" s="161"/>
      <c r="D61" s="161"/>
      <c r="E61" s="161"/>
      <c r="F61" s="161"/>
      <c r="G61" s="161"/>
      <c r="H61" s="161"/>
      <c r="I61" s="161"/>
      <c r="J61" s="161"/>
      <c r="K61" s="161"/>
      <c r="L61" s="161"/>
      <c r="M61" s="161"/>
      <c r="N61" s="161"/>
      <c r="O61" s="161"/>
      <c r="P61" s="161"/>
      <c r="Q61" s="161"/>
      <c r="R61" s="161"/>
      <c r="S61" s="161"/>
      <c r="T61" s="161"/>
      <c r="U61" s="161"/>
      <c r="V61" s="161"/>
      <c r="W61" s="161"/>
      <c r="X61" s="161"/>
      <c r="Y61" s="161"/>
      <c r="Z61" s="161"/>
      <c r="AA61" s="161"/>
      <c r="AB61" s="161"/>
      <c r="AC61" s="161"/>
      <c r="AD61" s="161"/>
      <c r="AE61" s="161"/>
      <c r="AF61" s="161"/>
      <c r="AG61" s="51"/>
      <c r="AH61" s="51"/>
      <c r="AI61" s="51"/>
      <c r="AJ61" s="50"/>
      <c r="AM61" s="161"/>
      <c r="AN61" s="161"/>
      <c r="AO61" s="161"/>
      <c r="AP61" s="161"/>
      <c r="AQ61" s="161"/>
      <c r="AR61" s="161"/>
      <c r="AS61" s="161"/>
      <c r="AT61" s="161"/>
      <c r="AU61" s="161"/>
      <c r="AV61" s="161"/>
      <c r="AW61" s="161"/>
      <c r="AX61" s="161"/>
      <c r="AY61" s="161"/>
      <c r="AZ61" s="161"/>
      <c r="BA61" s="161"/>
      <c r="BB61" s="161"/>
      <c r="BC61" s="161"/>
      <c r="BD61" s="161"/>
      <c r="BE61" s="161"/>
      <c r="BF61" s="161"/>
      <c r="BG61" s="161"/>
      <c r="BH61" s="161"/>
      <c r="BI61" s="161"/>
      <c r="BJ61" s="161"/>
      <c r="BK61" s="161"/>
      <c r="BL61" s="161"/>
      <c r="BM61" s="161"/>
      <c r="BN61" s="161"/>
      <c r="BO61" s="161"/>
      <c r="BP61" s="161"/>
      <c r="BQ61" s="161"/>
      <c r="BR61" s="161"/>
      <c r="BS61" s="161"/>
      <c r="BT61" s="161"/>
      <c r="BU61" s="161"/>
      <c r="BV61" s="161"/>
      <c r="BW61" s="161"/>
      <c r="BX61" s="161"/>
      <c r="BY61" s="161"/>
    </row>
    <row r="62" spans="1:78" s="179" customFormat="1" ht="16.05" customHeight="1" x14ac:dyDescent="0.2">
      <c r="A62" s="50"/>
      <c r="B62" s="161"/>
      <c r="C62" s="161"/>
      <c r="D62" s="161"/>
      <c r="E62" s="161"/>
      <c r="F62" s="161"/>
      <c r="G62" s="161"/>
      <c r="H62" s="161"/>
      <c r="I62" s="161"/>
      <c r="J62" s="161"/>
      <c r="K62" s="161"/>
      <c r="L62" s="161"/>
      <c r="M62" s="161"/>
      <c r="N62" s="161"/>
      <c r="O62" s="161"/>
      <c r="P62" s="161"/>
      <c r="Q62" s="161"/>
      <c r="R62" s="161"/>
      <c r="S62" s="161"/>
      <c r="T62" s="161"/>
      <c r="U62" s="161"/>
      <c r="V62" s="161"/>
      <c r="W62" s="161"/>
      <c r="X62" s="161"/>
      <c r="Y62" s="161"/>
      <c r="Z62" s="161"/>
      <c r="AA62" s="161"/>
      <c r="AB62" s="161"/>
      <c r="AC62" s="161"/>
      <c r="AD62" s="161"/>
      <c r="AE62" s="161"/>
      <c r="AF62" s="161"/>
      <c r="AG62" s="51"/>
      <c r="AH62" s="51"/>
      <c r="AI62" s="51"/>
      <c r="AJ62" s="50"/>
      <c r="AM62" s="161"/>
      <c r="AN62" s="161"/>
      <c r="AO62" s="161"/>
      <c r="AP62" s="161"/>
      <c r="AQ62" s="161"/>
      <c r="AR62" s="161"/>
      <c r="AS62" s="161"/>
      <c r="AT62" s="161"/>
      <c r="AU62" s="161"/>
      <c r="AV62" s="161"/>
      <c r="AW62" s="161"/>
      <c r="AX62" s="161"/>
      <c r="AY62" s="161"/>
      <c r="AZ62" s="161"/>
      <c r="BA62" s="161"/>
      <c r="BB62" s="161"/>
      <c r="BC62" s="161"/>
      <c r="BD62" s="161"/>
      <c r="BE62" s="161"/>
      <c r="BF62" s="161"/>
      <c r="BG62" s="161"/>
      <c r="BH62" s="161"/>
      <c r="BI62" s="161"/>
      <c r="BJ62" s="161"/>
      <c r="BK62" s="161"/>
      <c r="BL62" s="161"/>
      <c r="BM62" s="161"/>
      <c r="BN62" s="161"/>
      <c r="BO62" s="161"/>
      <c r="BP62" s="161"/>
      <c r="BQ62" s="161"/>
      <c r="BR62" s="161"/>
      <c r="BS62" s="161"/>
      <c r="BT62" s="161"/>
      <c r="BU62" s="161"/>
      <c r="BV62" s="161"/>
      <c r="BW62" s="161"/>
      <c r="BX62" s="161"/>
      <c r="BY62" s="161"/>
    </row>
    <row r="63" spans="1:78" s="179" customFormat="1" ht="16.05" customHeight="1" x14ac:dyDescent="0.2">
      <c r="A63" s="50"/>
      <c r="B63" s="161"/>
      <c r="C63" s="161"/>
      <c r="D63" s="161"/>
      <c r="E63" s="161"/>
      <c r="F63" s="161"/>
      <c r="G63" s="161"/>
      <c r="H63" s="161"/>
      <c r="I63" s="161"/>
      <c r="J63" s="161"/>
      <c r="K63" s="161"/>
      <c r="L63" s="161"/>
      <c r="M63" s="161"/>
      <c r="N63" s="161"/>
      <c r="O63" s="161"/>
      <c r="P63" s="161"/>
      <c r="Q63" s="161"/>
      <c r="R63" s="161"/>
      <c r="S63" s="161"/>
      <c r="T63" s="161"/>
      <c r="U63" s="161"/>
      <c r="V63" s="161"/>
      <c r="W63" s="161"/>
      <c r="X63" s="161"/>
      <c r="Y63" s="161"/>
      <c r="Z63" s="161"/>
      <c r="AA63" s="161"/>
      <c r="AB63" s="161"/>
      <c r="AC63" s="161"/>
      <c r="AD63" s="161"/>
      <c r="AE63" s="161"/>
      <c r="AF63" s="161"/>
      <c r="AG63" s="51"/>
      <c r="AH63" s="51"/>
      <c r="AI63" s="51"/>
      <c r="AJ63" s="50"/>
      <c r="AM63" s="161"/>
      <c r="AN63" s="161"/>
      <c r="AO63" s="161"/>
      <c r="AP63" s="161"/>
      <c r="AQ63" s="161"/>
      <c r="AR63" s="161"/>
      <c r="AS63" s="161"/>
      <c r="AT63" s="161"/>
      <c r="AU63" s="161"/>
      <c r="AV63" s="161"/>
      <c r="AW63" s="161"/>
      <c r="AX63" s="161"/>
      <c r="AY63" s="161"/>
      <c r="AZ63" s="161"/>
      <c r="BA63" s="161"/>
      <c r="BB63" s="161"/>
      <c r="BC63" s="161"/>
      <c r="BD63" s="161"/>
      <c r="BE63" s="161"/>
      <c r="BF63" s="161"/>
      <c r="BG63" s="161"/>
      <c r="BH63" s="161"/>
      <c r="BI63" s="161"/>
      <c r="BJ63" s="161"/>
      <c r="BK63" s="161"/>
      <c r="BL63" s="161"/>
      <c r="BM63" s="161"/>
      <c r="BN63" s="161"/>
      <c r="BO63" s="161"/>
      <c r="BP63" s="161"/>
      <c r="BQ63" s="161"/>
      <c r="BR63" s="161"/>
      <c r="BS63" s="161"/>
      <c r="BT63" s="161"/>
      <c r="BU63" s="161"/>
      <c r="BV63" s="161"/>
      <c r="BW63" s="161"/>
      <c r="BX63" s="161"/>
      <c r="BY63" s="161"/>
    </row>
    <row r="64" spans="1:78" s="179" customFormat="1" ht="16.05" customHeight="1" x14ac:dyDescent="0.2">
      <c r="A64" s="50"/>
      <c r="B64" s="161"/>
      <c r="C64" s="161"/>
      <c r="D64" s="161"/>
      <c r="E64" s="161"/>
      <c r="F64" s="161"/>
      <c r="G64" s="161"/>
      <c r="H64" s="161"/>
      <c r="I64" s="161"/>
      <c r="J64" s="161"/>
      <c r="K64" s="161"/>
      <c r="L64" s="161"/>
      <c r="M64" s="161"/>
      <c r="N64" s="161"/>
      <c r="O64" s="161"/>
      <c r="P64" s="161"/>
      <c r="Q64" s="161"/>
      <c r="R64" s="161"/>
      <c r="S64" s="161"/>
      <c r="T64" s="161"/>
      <c r="U64" s="161"/>
      <c r="V64" s="161"/>
      <c r="W64" s="161"/>
      <c r="X64" s="161"/>
      <c r="Y64" s="161"/>
      <c r="Z64" s="161"/>
      <c r="AA64" s="161"/>
      <c r="AB64" s="161"/>
      <c r="AC64" s="161"/>
      <c r="AD64" s="161"/>
      <c r="AE64" s="161"/>
      <c r="AF64" s="161"/>
      <c r="AG64" s="51"/>
      <c r="AH64" s="51"/>
      <c r="AI64" s="51"/>
      <c r="AJ64" s="50"/>
      <c r="AM64" s="161"/>
      <c r="AN64" s="161"/>
      <c r="AO64" s="161"/>
      <c r="AP64" s="161"/>
      <c r="AQ64" s="161"/>
      <c r="AR64" s="161"/>
      <c r="AS64" s="161"/>
      <c r="AT64" s="161"/>
      <c r="AU64" s="161"/>
      <c r="AV64" s="161"/>
      <c r="AW64" s="161"/>
      <c r="AX64" s="161"/>
      <c r="AY64" s="161"/>
      <c r="AZ64" s="161"/>
      <c r="BA64" s="161"/>
      <c r="BB64" s="161"/>
      <c r="BC64" s="161"/>
      <c r="BD64" s="161"/>
      <c r="BE64" s="161"/>
      <c r="BF64" s="161"/>
      <c r="BG64" s="161"/>
      <c r="BH64" s="161"/>
      <c r="BI64" s="161"/>
      <c r="BJ64" s="161"/>
      <c r="BK64" s="161"/>
      <c r="BL64" s="161"/>
      <c r="BM64" s="161"/>
      <c r="BN64" s="161"/>
      <c r="BO64" s="161"/>
      <c r="BP64" s="161"/>
      <c r="BQ64" s="161"/>
      <c r="BR64" s="161"/>
      <c r="BS64" s="161"/>
      <c r="BT64" s="161"/>
      <c r="BU64" s="161"/>
      <c r="BV64" s="161"/>
      <c r="BW64" s="161"/>
      <c r="BX64" s="161"/>
      <c r="BY64" s="161"/>
    </row>
    <row r="65" spans="1:77" s="179" customFormat="1" ht="16.05" customHeight="1" x14ac:dyDescent="0.2">
      <c r="A65" s="50"/>
      <c r="B65" s="161"/>
      <c r="C65" s="161"/>
      <c r="D65" s="161"/>
      <c r="E65" s="161"/>
      <c r="F65" s="161"/>
      <c r="G65" s="161"/>
      <c r="H65" s="161"/>
      <c r="I65" s="161"/>
      <c r="J65" s="161"/>
      <c r="K65" s="161"/>
      <c r="L65" s="161"/>
      <c r="M65" s="161"/>
      <c r="N65" s="161"/>
      <c r="O65" s="161"/>
      <c r="P65" s="161"/>
      <c r="Q65" s="161"/>
      <c r="R65" s="161"/>
      <c r="S65" s="161"/>
      <c r="T65" s="161"/>
      <c r="U65" s="161"/>
      <c r="V65" s="161"/>
      <c r="W65" s="161"/>
      <c r="X65" s="161"/>
      <c r="Y65" s="161"/>
      <c r="Z65" s="161"/>
      <c r="AA65" s="161"/>
      <c r="AB65" s="161"/>
      <c r="AC65" s="161"/>
      <c r="AD65" s="161"/>
      <c r="AE65" s="161"/>
      <c r="AF65" s="161"/>
      <c r="AJ65" s="50"/>
      <c r="AM65" s="161"/>
      <c r="AN65" s="161"/>
      <c r="AO65" s="161"/>
      <c r="AP65" s="161"/>
      <c r="AQ65" s="161"/>
      <c r="AR65" s="161"/>
      <c r="AS65" s="161"/>
      <c r="AT65" s="161"/>
      <c r="AU65" s="161"/>
      <c r="AV65" s="161"/>
      <c r="AW65" s="161"/>
      <c r="AX65" s="161"/>
      <c r="AY65" s="161"/>
      <c r="AZ65" s="161"/>
      <c r="BA65" s="161"/>
      <c r="BB65" s="161"/>
      <c r="BC65" s="161"/>
      <c r="BD65" s="161"/>
      <c r="BE65" s="161"/>
      <c r="BF65" s="161"/>
      <c r="BG65" s="161"/>
      <c r="BH65" s="161"/>
      <c r="BI65" s="161"/>
      <c r="BJ65" s="161"/>
      <c r="BK65" s="161"/>
      <c r="BL65" s="161"/>
      <c r="BM65" s="161"/>
      <c r="BN65" s="161"/>
      <c r="BO65" s="161"/>
      <c r="BP65" s="161"/>
      <c r="BQ65" s="161"/>
      <c r="BR65" s="161"/>
      <c r="BS65" s="161"/>
      <c r="BT65" s="161"/>
      <c r="BU65" s="161"/>
      <c r="BV65" s="161"/>
      <c r="BW65" s="161"/>
      <c r="BX65" s="161"/>
      <c r="BY65" s="161"/>
    </row>
    <row r="66" spans="1:77" s="179" customFormat="1" ht="16.05" customHeight="1" x14ac:dyDescent="0.2">
      <c r="A66" s="50"/>
      <c r="B66" s="161"/>
      <c r="C66" s="161"/>
      <c r="D66" s="161"/>
      <c r="E66" s="161"/>
      <c r="F66" s="161"/>
      <c r="G66" s="161"/>
      <c r="H66" s="161"/>
      <c r="I66" s="161"/>
      <c r="J66" s="161"/>
      <c r="K66" s="161"/>
      <c r="L66" s="161"/>
      <c r="M66" s="161"/>
      <c r="N66" s="161"/>
      <c r="O66" s="161"/>
      <c r="P66" s="161"/>
      <c r="Q66" s="161"/>
      <c r="R66" s="161"/>
      <c r="S66" s="161"/>
      <c r="T66" s="161"/>
      <c r="U66" s="161"/>
      <c r="V66" s="161"/>
      <c r="W66" s="161"/>
      <c r="X66" s="161"/>
      <c r="Y66" s="161"/>
      <c r="Z66" s="161"/>
      <c r="AA66" s="161"/>
      <c r="AB66" s="161"/>
      <c r="AC66" s="161"/>
      <c r="AD66" s="161"/>
      <c r="AE66" s="161"/>
      <c r="AF66" s="161"/>
      <c r="AJ66" s="50"/>
      <c r="AM66" s="161"/>
      <c r="AN66" s="161"/>
      <c r="AO66" s="161"/>
      <c r="AP66" s="161"/>
      <c r="AQ66" s="161"/>
      <c r="AR66" s="161"/>
      <c r="AS66" s="161"/>
      <c r="AT66" s="161"/>
      <c r="AU66" s="161"/>
      <c r="AV66" s="161"/>
      <c r="AW66" s="161"/>
      <c r="AX66" s="161"/>
      <c r="AY66" s="161"/>
      <c r="AZ66" s="161"/>
      <c r="BA66" s="161"/>
      <c r="BB66" s="161"/>
      <c r="BC66" s="161"/>
      <c r="BD66" s="161"/>
      <c r="BE66" s="161"/>
      <c r="BF66" s="161"/>
      <c r="BG66" s="161"/>
      <c r="BH66" s="161"/>
      <c r="BI66" s="161"/>
      <c r="BJ66" s="161"/>
      <c r="BK66" s="161"/>
      <c r="BL66" s="161"/>
      <c r="BM66" s="161"/>
      <c r="BN66" s="161"/>
      <c r="BO66" s="161"/>
      <c r="BP66" s="161"/>
      <c r="BQ66" s="161"/>
      <c r="BR66" s="161"/>
      <c r="BS66" s="161"/>
      <c r="BT66" s="161"/>
      <c r="BU66" s="161"/>
      <c r="BV66" s="161"/>
      <c r="BW66" s="161"/>
      <c r="BX66" s="161"/>
      <c r="BY66" s="161"/>
    </row>
    <row r="67" spans="1:77" s="179" customFormat="1" ht="16.05" customHeight="1" x14ac:dyDescent="0.2">
      <c r="A67" s="50"/>
      <c r="B67" s="161"/>
      <c r="C67" s="161"/>
      <c r="D67" s="161"/>
      <c r="E67" s="161"/>
      <c r="F67" s="161"/>
      <c r="G67" s="161"/>
      <c r="H67" s="161"/>
      <c r="I67" s="161"/>
      <c r="J67" s="161"/>
      <c r="K67" s="161"/>
      <c r="L67" s="161"/>
      <c r="M67" s="161"/>
      <c r="N67" s="161"/>
      <c r="O67" s="161"/>
      <c r="P67" s="161"/>
      <c r="Q67" s="161"/>
      <c r="R67" s="161"/>
      <c r="S67" s="161"/>
      <c r="T67" s="161"/>
      <c r="U67" s="161"/>
      <c r="V67" s="161"/>
      <c r="W67" s="161"/>
      <c r="X67" s="161"/>
      <c r="Y67" s="161"/>
      <c r="Z67" s="161"/>
      <c r="AA67" s="161"/>
      <c r="AB67" s="161"/>
      <c r="AC67" s="161"/>
      <c r="AD67" s="161"/>
      <c r="AE67" s="161"/>
      <c r="AF67" s="161"/>
      <c r="AJ67" s="50"/>
      <c r="AM67" s="161"/>
      <c r="AN67" s="161"/>
      <c r="AO67" s="161"/>
      <c r="AP67" s="161"/>
      <c r="AQ67" s="161"/>
      <c r="AR67" s="161"/>
      <c r="AS67" s="161"/>
      <c r="AT67" s="161"/>
      <c r="AU67" s="161"/>
      <c r="AV67" s="161"/>
      <c r="AW67" s="161"/>
      <c r="AX67" s="161"/>
      <c r="AY67" s="161"/>
      <c r="AZ67" s="161"/>
      <c r="BA67" s="161"/>
      <c r="BB67" s="161"/>
      <c r="BC67" s="161"/>
      <c r="BD67" s="161"/>
      <c r="BE67" s="161"/>
      <c r="BF67" s="161"/>
      <c r="BG67" s="161"/>
      <c r="BH67" s="161"/>
      <c r="BI67" s="161"/>
      <c r="BJ67" s="161"/>
      <c r="BK67" s="161"/>
      <c r="BL67" s="161"/>
      <c r="BM67" s="161"/>
      <c r="BN67" s="161"/>
      <c r="BO67" s="161"/>
      <c r="BP67" s="161"/>
      <c r="BQ67" s="161"/>
      <c r="BR67" s="161"/>
      <c r="BS67" s="161"/>
      <c r="BT67" s="161"/>
      <c r="BU67" s="161"/>
      <c r="BV67" s="50"/>
    </row>
    <row r="68" spans="1:77" s="179" customFormat="1" ht="16.05" customHeight="1" x14ac:dyDescent="0.2">
      <c r="A68" s="50"/>
      <c r="B68" s="161"/>
      <c r="C68" s="161"/>
      <c r="D68" s="161"/>
      <c r="E68" s="161"/>
      <c r="F68" s="161"/>
      <c r="G68" s="161"/>
      <c r="H68" s="161"/>
      <c r="I68" s="161"/>
      <c r="J68" s="161"/>
      <c r="K68" s="161"/>
      <c r="L68" s="161"/>
      <c r="M68" s="161"/>
      <c r="N68" s="161"/>
      <c r="O68" s="161"/>
      <c r="P68" s="161"/>
      <c r="Q68" s="161"/>
      <c r="R68" s="161"/>
      <c r="S68" s="161"/>
      <c r="T68" s="161"/>
      <c r="U68" s="161"/>
      <c r="V68" s="161"/>
      <c r="W68" s="161"/>
      <c r="X68" s="161"/>
      <c r="Y68" s="161"/>
      <c r="Z68" s="161"/>
      <c r="AA68" s="161"/>
      <c r="AB68" s="161"/>
      <c r="AC68" s="161"/>
      <c r="AD68" s="161"/>
      <c r="AE68" s="161"/>
      <c r="AF68" s="161"/>
      <c r="AJ68" s="50"/>
      <c r="AM68" s="161"/>
      <c r="AN68" s="161"/>
      <c r="AO68" s="161"/>
      <c r="AP68" s="161"/>
      <c r="AQ68" s="161"/>
      <c r="AR68" s="161"/>
      <c r="AS68" s="161"/>
      <c r="AT68" s="161"/>
      <c r="AU68" s="161"/>
      <c r="AV68" s="161"/>
      <c r="AW68" s="161"/>
      <c r="AX68" s="161"/>
      <c r="AY68" s="161"/>
      <c r="AZ68" s="161"/>
      <c r="BA68" s="161"/>
      <c r="BB68" s="161"/>
      <c r="BC68" s="161"/>
      <c r="BD68" s="161"/>
      <c r="BE68" s="161"/>
      <c r="BF68" s="161"/>
      <c r="BG68" s="161"/>
      <c r="BH68" s="161"/>
      <c r="BI68" s="161"/>
      <c r="BJ68" s="161"/>
      <c r="BK68" s="161"/>
      <c r="BL68" s="161"/>
      <c r="BM68" s="161"/>
      <c r="BN68" s="161"/>
      <c r="BO68" s="161"/>
      <c r="BP68" s="161"/>
      <c r="BQ68" s="161"/>
      <c r="BR68" s="161"/>
      <c r="BS68" s="161"/>
      <c r="BT68" s="161"/>
      <c r="BU68" s="161"/>
      <c r="BV68" s="50"/>
    </row>
    <row r="69" spans="1:77" s="179" customFormat="1" ht="16.05" customHeight="1" x14ac:dyDescent="0.2">
      <c r="A69" s="161"/>
      <c r="B69" s="161"/>
      <c r="C69" s="161"/>
      <c r="D69" s="161"/>
      <c r="E69" s="161"/>
      <c r="F69" s="161"/>
      <c r="G69" s="161"/>
      <c r="H69" s="161"/>
      <c r="I69" s="161"/>
      <c r="J69" s="161"/>
      <c r="K69" s="161"/>
      <c r="L69" s="161"/>
      <c r="M69" s="161"/>
      <c r="N69" s="161"/>
      <c r="O69" s="161"/>
      <c r="P69" s="161"/>
      <c r="Q69" s="161"/>
      <c r="R69" s="161"/>
      <c r="S69" s="161"/>
      <c r="T69" s="161"/>
      <c r="U69" s="161"/>
      <c r="V69" s="161"/>
      <c r="W69" s="161"/>
      <c r="X69" s="161"/>
      <c r="Y69" s="161"/>
      <c r="Z69" s="161"/>
      <c r="AA69" s="161"/>
      <c r="AB69" s="161"/>
      <c r="AC69" s="161"/>
      <c r="AD69" s="161"/>
      <c r="AE69" s="161"/>
      <c r="AF69" s="161"/>
      <c r="AJ69" s="161"/>
      <c r="AM69" s="161"/>
      <c r="AN69" s="161"/>
      <c r="AO69" s="161"/>
      <c r="AP69" s="161"/>
      <c r="AQ69" s="161"/>
      <c r="AR69" s="161"/>
      <c r="AS69" s="161"/>
      <c r="AT69" s="161"/>
      <c r="AU69" s="161"/>
      <c r="AV69" s="161"/>
      <c r="AW69" s="161"/>
      <c r="AX69" s="161"/>
      <c r="AY69" s="161"/>
      <c r="AZ69" s="161"/>
      <c r="BA69" s="161"/>
      <c r="BB69" s="161"/>
      <c r="BC69" s="161"/>
      <c r="BD69" s="161"/>
      <c r="BE69" s="161"/>
      <c r="BF69" s="161"/>
      <c r="BG69" s="161"/>
      <c r="BH69" s="161"/>
      <c r="BI69" s="161"/>
      <c r="BJ69" s="161"/>
      <c r="BK69" s="161"/>
      <c r="BL69" s="161"/>
      <c r="BM69" s="161"/>
      <c r="BN69" s="161"/>
      <c r="BO69" s="161"/>
      <c r="BP69" s="161"/>
      <c r="BQ69" s="161"/>
      <c r="BR69" s="161"/>
      <c r="BS69" s="161"/>
      <c r="BT69" s="161"/>
      <c r="BU69" s="161"/>
      <c r="BV69" s="50"/>
    </row>
    <row r="70" spans="1:77" s="179" customFormat="1" ht="16.05" customHeight="1" x14ac:dyDescent="0.2">
      <c r="A70" s="161"/>
      <c r="B70" s="161"/>
      <c r="C70" s="161"/>
      <c r="D70" s="161"/>
      <c r="E70" s="161"/>
      <c r="F70" s="161"/>
      <c r="G70" s="161"/>
      <c r="H70" s="161"/>
      <c r="I70" s="161"/>
      <c r="J70" s="161"/>
      <c r="K70" s="161"/>
      <c r="L70" s="161"/>
      <c r="M70" s="161"/>
      <c r="N70" s="161"/>
      <c r="O70" s="161"/>
      <c r="P70" s="161"/>
      <c r="Q70" s="161"/>
      <c r="R70" s="161"/>
      <c r="S70" s="161"/>
      <c r="T70" s="161"/>
      <c r="U70" s="161"/>
      <c r="V70" s="161"/>
      <c r="W70" s="161"/>
      <c r="X70" s="161"/>
      <c r="Y70" s="161"/>
      <c r="Z70" s="161"/>
      <c r="AA70" s="161"/>
      <c r="AB70" s="161"/>
      <c r="AC70" s="161"/>
      <c r="AD70" s="161"/>
      <c r="AE70" s="161"/>
      <c r="AF70" s="161"/>
      <c r="AJ70" s="161"/>
      <c r="AM70" s="161"/>
      <c r="AN70" s="161"/>
      <c r="AO70" s="161"/>
      <c r="AP70" s="161"/>
      <c r="AQ70" s="161"/>
      <c r="AR70" s="161"/>
      <c r="AS70" s="161"/>
      <c r="AT70" s="161"/>
      <c r="AU70" s="161"/>
      <c r="AV70" s="161"/>
      <c r="AW70" s="161"/>
      <c r="AX70" s="161"/>
      <c r="AY70" s="161"/>
      <c r="AZ70" s="161"/>
      <c r="BA70" s="161"/>
      <c r="BB70" s="161"/>
      <c r="BC70" s="161"/>
      <c r="BD70" s="161"/>
      <c r="BE70" s="161"/>
      <c r="BF70" s="161"/>
      <c r="BG70" s="161"/>
      <c r="BH70" s="161"/>
      <c r="BI70" s="161"/>
      <c r="BJ70" s="161"/>
      <c r="BK70" s="161"/>
      <c r="BL70" s="161"/>
      <c r="BM70" s="161"/>
      <c r="BN70" s="161"/>
      <c r="BO70" s="161"/>
      <c r="BP70" s="161"/>
      <c r="BQ70" s="161"/>
      <c r="BR70" s="161"/>
      <c r="BS70" s="161"/>
      <c r="BT70" s="161"/>
      <c r="BU70" s="161"/>
      <c r="BV70" s="50"/>
    </row>
    <row r="71" spans="1:77" x14ac:dyDescent="0.2">
      <c r="AG71" s="179"/>
      <c r="AH71" s="179"/>
      <c r="AI71" s="177"/>
      <c r="BV71" s="50"/>
      <c r="BW71" s="179"/>
      <c r="BX71" s="179"/>
      <c r="BY71" s="179"/>
    </row>
    <row r="72" spans="1:77" x14ac:dyDescent="0.2">
      <c r="AG72" s="50"/>
      <c r="AH72" s="50"/>
      <c r="AI72" s="178"/>
      <c r="BV72" s="50"/>
      <c r="BW72" s="179"/>
      <c r="BX72" s="179"/>
      <c r="BY72" s="179"/>
    </row>
    <row r="73" spans="1:77" x14ac:dyDescent="0.2">
      <c r="AG73" s="179"/>
      <c r="AH73" s="179"/>
      <c r="AI73" s="179"/>
      <c r="BV73" s="50"/>
      <c r="BW73" s="179"/>
      <c r="BX73" s="179"/>
      <c r="BY73" s="179"/>
    </row>
    <row r="74" spans="1:77" x14ac:dyDescent="0.2">
      <c r="AG74" s="179"/>
      <c r="AH74" s="179"/>
      <c r="AI74" s="179"/>
      <c r="BV74" s="50"/>
      <c r="BW74" s="179"/>
      <c r="BX74" s="179"/>
      <c r="BY74" s="179"/>
    </row>
    <row r="75" spans="1:77" x14ac:dyDescent="0.2">
      <c r="AG75" s="179"/>
      <c r="AH75" s="179"/>
      <c r="AI75" s="179"/>
      <c r="BV75" s="50"/>
      <c r="BW75" s="179"/>
      <c r="BX75" s="179"/>
      <c r="BY75" s="179"/>
    </row>
    <row r="76" spans="1:77" x14ac:dyDescent="0.2">
      <c r="AG76" s="179"/>
      <c r="AH76" s="179"/>
      <c r="AI76" s="179"/>
      <c r="BV76" s="50"/>
      <c r="BW76" s="179"/>
      <c r="BX76" s="179"/>
      <c r="BY76" s="179"/>
    </row>
    <row r="77" spans="1:77" x14ac:dyDescent="0.2">
      <c r="AG77" s="179"/>
      <c r="AH77" s="179"/>
      <c r="AI77" s="179"/>
      <c r="BV77" s="50"/>
      <c r="BW77" s="179"/>
      <c r="BX77" s="179"/>
      <c r="BY77" s="179"/>
    </row>
    <row r="78" spans="1:77" x14ac:dyDescent="0.2">
      <c r="AG78" s="179"/>
      <c r="AH78" s="179"/>
      <c r="AI78" s="179"/>
      <c r="BV78" s="50"/>
      <c r="BW78" s="179"/>
      <c r="BX78" s="179"/>
      <c r="BY78" s="179"/>
    </row>
    <row r="79" spans="1:77" x14ac:dyDescent="0.2">
      <c r="AG79" s="179"/>
      <c r="AH79" s="179"/>
      <c r="AI79" s="179"/>
      <c r="BV79" s="50"/>
      <c r="BW79" s="179"/>
      <c r="BX79" s="179"/>
      <c r="BY79" s="179"/>
    </row>
    <row r="80" spans="1:77" x14ac:dyDescent="0.2">
      <c r="AG80" s="179"/>
      <c r="AH80" s="179"/>
      <c r="AI80" s="179"/>
      <c r="BV80" s="50"/>
      <c r="BW80" s="179"/>
      <c r="BX80" s="179"/>
      <c r="BY80" s="179"/>
    </row>
    <row r="81" spans="33:77" x14ac:dyDescent="0.2">
      <c r="AG81" s="179"/>
      <c r="AH81" s="179"/>
      <c r="AI81" s="179"/>
      <c r="BV81" s="50"/>
      <c r="BW81" s="179"/>
      <c r="BX81" s="179"/>
      <c r="BY81" s="179"/>
    </row>
    <row r="82" spans="33:77" x14ac:dyDescent="0.2">
      <c r="AG82" s="179"/>
      <c r="AH82" s="179"/>
      <c r="AI82" s="179"/>
      <c r="BV82" s="50"/>
      <c r="BW82" s="179"/>
      <c r="BX82" s="179"/>
      <c r="BY82" s="179"/>
    </row>
    <row r="83" spans="33:77" x14ac:dyDescent="0.2">
      <c r="AG83" s="179"/>
      <c r="AH83" s="179"/>
      <c r="AI83" s="179"/>
      <c r="BV83" s="50"/>
      <c r="BW83" s="179"/>
      <c r="BX83" s="179"/>
      <c r="BY83" s="179"/>
    </row>
    <row r="84" spans="33:77" x14ac:dyDescent="0.2">
      <c r="AG84" s="179"/>
      <c r="AH84" s="179"/>
      <c r="AI84" s="179"/>
      <c r="BV84" s="50"/>
      <c r="BW84" s="179"/>
      <c r="BX84" s="179"/>
      <c r="BY84" s="179"/>
    </row>
    <row r="85" spans="33:77" x14ac:dyDescent="0.2">
      <c r="BV85" s="50"/>
      <c r="BW85" s="179"/>
      <c r="BX85" s="179"/>
      <c r="BY85" s="179"/>
    </row>
    <row r="86" spans="33:77" x14ac:dyDescent="0.2">
      <c r="BV86" s="50"/>
    </row>
  </sheetData>
  <mergeCells count="68">
    <mergeCell ref="BR32:BU33"/>
    <mergeCell ref="BN24:BQ24"/>
    <mergeCell ref="BR24:BU24"/>
    <mergeCell ref="AM38:BQ39"/>
    <mergeCell ref="BR30:BU31"/>
    <mergeCell ref="BR34:BU35"/>
    <mergeCell ref="BR36:BU37"/>
    <mergeCell ref="BR28:BU29"/>
    <mergeCell ref="AM30:BQ31"/>
    <mergeCell ref="AM34:BQ35"/>
    <mergeCell ref="AM36:BQ37"/>
    <mergeCell ref="BR22:BU22"/>
    <mergeCell ref="BN23:BQ23"/>
    <mergeCell ref="BR23:BU23"/>
    <mergeCell ref="BR26:BU27"/>
    <mergeCell ref="E7:H8"/>
    <mergeCell ref="AC13:AF13"/>
    <mergeCell ref="AC17:AF17"/>
    <mergeCell ref="AC27:AF27"/>
    <mergeCell ref="AC16:AF16"/>
    <mergeCell ref="AC15:AF15"/>
    <mergeCell ref="AO42:BS44"/>
    <mergeCell ref="M4:O6"/>
    <mergeCell ref="AM28:BQ29"/>
    <mergeCell ref="BR11:BU11"/>
    <mergeCell ref="BR12:BU12"/>
    <mergeCell ref="BR13:BU13"/>
    <mergeCell ref="BR14:BU14"/>
    <mergeCell ref="BR15:BU15"/>
    <mergeCell ref="BR17:BU17"/>
    <mergeCell ref="BR18:BU18"/>
    <mergeCell ref="BR19:BU19"/>
    <mergeCell ref="BR20:BT20"/>
    <mergeCell ref="AC12:AF12"/>
    <mergeCell ref="AC30:AF30"/>
    <mergeCell ref="AC31:AF31"/>
    <mergeCell ref="AC32:AF32"/>
    <mergeCell ref="D4:H5"/>
    <mergeCell ref="I4:J6"/>
    <mergeCell ref="J7:J8"/>
    <mergeCell ref="AC11:AF11"/>
    <mergeCell ref="M7:O8"/>
    <mergeCell ref="A9:BU9"/>
    <mergeCell ref="P4:R6"/>
    <mergeCell ref="B7:B8"/>
    <mergeCell ref="C7:C8"/>
    <mergeCell ref="D7:D8"/>
    <mergeCell ref="P7:R8"/>
    <mergeCell ref="I7:I8"/>
    <mergeCell ref="K4:L8"/>
    <mergeCell ref="BA4:BU5"/>
    <mergeCell ref="BA6:BU8"/>
    <mergeCell ref="AC37:AE37"/>
    <mergeCell ref="AC38:AE38"/>
    <mergeCell ref="AM32:BQ33"/>
    <mergeCell ref="A1:BV1"/>
    <mergeCell ref="AC35:AF35"/>
    <mergeCell ref="AC36:AF36"/>
    <mergeCell ref="AC29:AF29"/>
    <mergeCell ref="AC18:AF18"/>
    <mergeCell ref="AC19:AF19"/>
    <mergeCell ref="AC20:AF20"/>
    <mergeCell ref="AC21:AF21"/>
    <mergeCell ref="D23:AD25"/>
    <mergeCell ref="AC28:AF28"/>
    <mergeCell ref="AC33:AF33"/>
    <mergeCell ref="AC34:AF34"/>
    <mergeCell ref="B4:C5"/>
  </mergeCells>
  <phoneticPr fontId="1"/>
  <pageMargins left="0.55118110236220474" right="0.19685039370078741" top="0.51181102362204722" bottom="0.31496062992125984" header="0.27559055118110237" footer="0.23622047244094491"/>
  <pageSetup paperSize="9" scale="65" orientation="landscape"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G41"/>
  <sheetViews>
    <sheetView view="pageBreakPreview" zoomScale="55" zoomScaleNormal="70" zoomScaleSheetLayoutView="55" workbookViewId="0">
      <selection activeCell="N24" sqref="N24"/>
    </sheetView>
  </sheetViews>
  <sheetFormatPr defaultColWidth="8.88671875" defaultRowHeight="16.2" x14ac:dyDescent="0.2"/>
  <cols>
    <col min="1" max="1" width="5.21875" style="80" customWidth="1"/>
    <col min="2" max="4" width="10.6640625" style="1" customWidth="1"/>
    <col min="5" max="5" width="9.21875" style="1" customWidth="1"/>
    <col min="6" max="6" width="11.44140625" style="1" customWidth="1"/>
    <col min="7" max="8" width="9.21875" style="1" customWidth="1"/>
    <col min="9" max="9" width="9.109375" style="1" customWidth="1"/>
    <col min="10" max="10" width="14.6640625" style="1" customWidth="1"/>
    <col min="11" max="13" width="9.109375" style="1" customWidth="1"/>
    <col min="14" max="14" width="14.21875" style="1" bestFit="1" customWidth="1"/>
    <col min="15" max="15" width="37" style="1" customWidth="1"/>
    <col min="16" max="16" width="8.21875" style="1" customWidth="1"/>
    <col min="17" max="17" width="18.5546875" style="1" customWidth="1"/>
    <col min="18" max="18" width="11.33203125" style="1" customWidth="1"/>
    <col min="19" max="19" width="18.77734375" style="1" customWidth="1"/>
    <col min="20" max="20" width="36.6640625" style="1" customWidth="1"/>
    <col min="21" max="21" width="4.21875" style="1" customWidth="1"/>
    <col min="22" max="33" width="9" style="1" customWidth="1"/>
    <col min="34" max="16384" width="8.88671875" style="323"/>
  </cols>
  <sheetData>
    <row r="1" spans="1:33" x14ac:dyDescent="0.2">
      <c r="A1" s="140"/>
      <c r="B1" s="140"/>
      <c r="C1" s="140"/>
      <c r="D1" s="324"/>
    </row>
    <row r="3" spans="1:33" ht="56.25" customHeight="1" x14ac:dyDescent="0.2">
      <c r="A3" s="81"/>
      <c r="B3" s="733" t="s">
        <v>162</v>
      </c>
      <c r="C3" s="82" t="s">
        <v>163</v>
      </c>
      <c r="D3" s="83"/>
      <c r="E3" s="84"/>
      <c r="F3" s="84"/>
      <c r="G3" s="735" t="s">
        <v>165</v>
      </c>
      <c r="H3" s="735"/>
      <c r="I3" s="735"/>
      <c r="J3" s="735"/>
      <c r="K3" s="735"/>
      <c r="L3" s="735"/>
      <c r="M3" s="735"/>
      <c r="N3" s="735"/>
      <c r="O3" s="735"/>
      <c r="P3" s="85"/>
      <c r="Q3" s="85"/>
      <c r="R3" s="85"/>
      <c r="S3" s="322" t="s">
        <v>166</v>
      </c>
      <c r="T3" s="86"/>
      <c r="U3" s="87"/>
      <c r="V3" s="87"/>
      <c r="W3" s="85"/>
      <c r="X3" s="85"/>
      <c r="Y3" s="85"/>
      <c r="Z3" s="85"/>
      <c r="AA3" s="85"/>
      <c r="AB3" s="85"/>
      <c r="AC3" s="85"/>
      <c r="AD3" s="85"/>
      <c r="AE3" s="85"/>
      <c r="AF3" s="85"/>
      <c r="AG3" s="85"/>
    </row>
    <row r="4" spans="1:33" ht="56.25" customHeight="1" x14ac:dyDescent="0.2">
      <c r="A4" s="81"/>
      <c r="B4" s="734"/>
      <c r="C4" s="82" t="s">
        <v>164</v>
      </c>
      <c r="D4" s="83"/>
      <c r="E4" s="88"/>
      <c r="F4" s="88"/>
      <c r="G4" s="736" t="s">
        <v>179</v>
      </c>
      <c r="H4" s="736"/>
      <c r="I4" s="736"/>
      <c r="J4" s="736"/>
      <c r="K4" s="736"/>
      <c r="L4" s="736"/>
      <c r="M4" s="736"/>
      <c r="N4" s="736"/>
      <c r="O4" s="736"/>
      <c r="P4" s="85"/>
      <c r="Q4" s="85"/>
      <c r="R4" s="85"/>
      <c r="S4" s="322" t="s">
        <v>55</v>
      </c>
      <c r="T4" s="86"/>
      <c r="U4" s="89"/>
      <c r="V4" s="89"/>
      <c r="W4" s="85"/>
      <c r="X4" s="85"/>
      <c r="Y4" s="85"/>
      <c r="Z4" s="85"/>
      <c r="AA4" s="85"/>
      <c r="AB4" s="85"/>
      <c r="AC4" s="85"/>
      <c r="AD4" s="85"/>
      <c r="AE4" s="85"/>
      <c r="AF4" s="85"/>
      <c r="AG4" s="85"/>
    </row>
    <row r="5" spans="1:33" ht="21" x14ac:dyDescent="0.2">
      <c r="A5" s="90"/>
      <c r="B5" s="85"/>
      <c r="C5" s="85"/>
      <c r="D5" s="85"/>
      <c r="E5" s="85"/>
      <c r="F5" s="85"/>
      <c r="G5" s="85"/>
      <c r="H5" s="85"/>
      <c r="I5" s="89"/>
      <c r="J5" s="89"/>
      <c r="K5" s="89"/>
      <c r="L5" s="89"/>
      <c r="M5" s="89"/>
      <c r="N5" s="89"/>
      <c r="O5" s="89"/>
      <c r="P5" s="89"/>
      <c r="Q5" s="89"/>
      <c r="R5" s="89"/>
      <c r="S5" s="89"/>
      <c r="T5" s="89"/>
      <c r="U5" s="89"/>
      <c r="V5" s="89"/>
      <c r="W5" s="89"/>
      <c r="X5" s="85"/>
      <c r="Y5" s="85"/>
      <c r="Z5" s="85"/>
      <c r="AA5" s="85"/>
      <c r="AB5" s="85"/>
      <c r="AC5" s="85"/>
      <c r="AD5" s="85"/>
      <c r="AE5" s="85"/>
      <c r="AF5" s="85"/>
      <c r="AG5" s="85"/>
    </row>
    <row r="6" spans="1:33" ht="28.5" customHeight="1" x14ac:dyDescent="0.2">
      <c r="A6" s="90"/>
      <c r="B6" s="91" t="s">
        <v>167</v>
      </c>
      <c r="C6" s="85"/>
      <c r="D6" s="92"/>
      <c r="E6" s="92"/>
      <c r="F6" s="92"/>
      <c r="G6" s="92"/>
      <c r="H6" s="92"/>
      <c r="I6" s="92"/>
      <c r="J6" s="92"/>
      <c r="K6" s="92"/>
      <c r="L6" s="92"/>
      <c r="M6" s="92"/>
      <c r="N6" s="92"/>
      <c r="O6" s="92"/>
      <c r="P6" s="93"/>
      <c r="Q6" s="93"/>
      <c r="R6" s="93"/>
      <c r="S6" s="93"/>
      <c r="T6" s="93"/>
      <c r="U6" s="94"/>
      <c r="V6" s="94"/>
      <c r="W6" s="85"/>
      <c r="X6" s="85"/>
      <c r="Y6" s="141"/>
      <c r="Z6" s="92"/>
      <c r="AA6" s="93"/>
      <c r="AB6" s="93"/>
      <c r="AC6" s="93"/>
      <c r="AD6" s="93"/>
      <c r="AE6" s="93"/>
      <c r="AF6" s="93"/>
      <c r="AG6" s="93"/>
    </row>
    <row r="7" spans="1:33" ht="28.5" customHeight="1" x14ac:dyDescent="0.2">
      <c r="A7" s="90"/>
      <c r="B7" s="95" t="s">
        <v>168</v>
      </c>
      <c r="C7" s="85"/>
      <c r="D7" s="92"/>
      <c r="E7" s="92"/>
      <c r="F7" s="92"/>
      <c r="G7" s="92"/>
      <c r="H7" s="92"/>
      <c r="I7" s="92"/>
      <c r="J7" s="92"/>
      <c r="K7" s="92"/>
      <c r="L7" s="92"/>
      <c r="M7" s="92"/>
      <c r="N7" s="92"/>
      <c r="O7" s="92"/>
      <c r="P7" s="93"/>
      <c r="Q7" s="93"/>
      <c r="R7" s="93"/>
      <c r="S7" s="93"/>
      <c r="T7" s="93"/>
      <c r="U7" s="94"/>
      <c r="V7" s="94"/>
      <c r="W7" s="85"/>
      <c r="X7" s="85"/>
      <c r="Y7" s="92"/>
      <c r="Z7" s="92"/>
      <c r="AA7" s="92"/>
      <c r="AB7" s="92"/>
      <c r="AC7" s="92"/>
      <c r="AD7" s="142"/>
      <c r="AE7" s="142"/>
      <c r="AF7" s="142"/>
      <c r="AG7" s="142"/>
    </row>
    <row r="8" spans="1:33" ht="28.5" customHeight="1" x14ac:dyDescent="0.2">
      <c r="A8" s="90"/>
      <c r="B8" s="95" t="s">
        <v>180</v>
      </c>
      <c r="C8" s="96"/>
      <c r="D8" s="97"/>
      <c r="E8" s="98"/>
      <c r="F8" s="98"/>
      <c r="G8" s="97"/>
      <c r="H8" s="97"/>
      <c r="I8" s="97"/>
      <c r="J8" s="97"/>
      <c r="K8" s="97"/>
      <c r="L8" s="97"/>
      <c r="M8" s="97"/>
      <c r="N8" s="97"/>
      <c r="O8" s="99"/>
      <c r="P8" s="99"/>
      <c r="Q8" s="99"/>
      <c r="R8" s="99"/>
      <c r="S8" s="99"/>
      <c r="T8" s="99"/>
      <c r="U8" s="99"/>
      <c r="V8" s="99"/>
      <c r="W8" s="99"/>
      <c r="X8" s="99"/>
      <c r="Y8" s="99"/>
      <c r="Z8" s="99"/>
      <c r="AA8" s="99"/>
      <c r="AB8" s="99"/>
      <c r="AC8" s="99"/>
      <c r="AD8" s="99"/>
      <c r="AE8" s="99"/>
      <c r="AF8" s="99"/>
      <c r="AG8" s="99"/>
    </row>
    <row r="9" spans="1:33" ht="19.8" thickBot="1" x14ac:dyDescent="0.25">
      <c r="B9" s="100"/>
      <c r="C9" s="101"/>
      <c r="D9" s="101"/>
      <c r="E9" s="101"/>
      <c r="F9" s="101"/>
      <c r="G9" s="101"/>
      <c r="H9" s="101"/>
      <c r="I9" s="101"/>
      <c r="J9" s="101"/>
      <c r="K9" s="101"/>
      <c r="L9" s="101"/>
      <c r="M9" s="101"/>
      <c r="N9" s="101"/>
      <c r="O9" s="101"/>
    </row>
    <row r="10" spans="1:33" ht="39.450000000000003" customHeight="1" thickBot="1" x14ac:dyDescent="0.25">
      <c r="B10" s="737" t="s">
        <v>145</v>
      </c>
      <c r="C10" s="738"/>
      <c r="D10" s="738"/>
      <c r="E10" s="739" t="s">
        <v>170</v>
      </c>
      <c r="F10" s="740"/>
      <c r="G10" s="149" t="s">
        <v>169</v>
      </c>
      <c r="H10" s="150" t="s">
        <v>144</v>
      </c>
      <c r="I10" s="149" t="s">
        <v>171</v>
      </c>
      <c r="J10" s="151" t="s">
        <v>146</v>
      </c>
      <c r="K10" s="152" t="s">
        <v>147</v>
      </c>
      <c r="L10" s="153" t="s">
        <v>172</v>
      </c>
      <c r="M10" s="154" t="s">
        <v>148</v>
      </c>
      <c r="N10" s="155" t="s">
        <v>173</v>
      </c>
      <c r="O10" s="156" t="s">
        <v>181</v>
      </c>
      <c r="P10" s="157" t="s">
        <v>182</v>
      </c>
      <c r="Q10" s="158" t="s">
        <v>183</v>
      </c>
      <c r="R10" s="151" t="s">
        <v>184</v>
      </c>
      <c r="S10" s="159" t="s">
        <v>186</v>
      </c>
      <c r="T10" s="160" t="s">
        <v>185</v>
      </c>
    </row>
    <row r="11" spans="1:33" ht="39.450000000000003" customHeight="1" x14ac:dyDescent="0.2">
      <c r="A11" s="80">
        <v>1</v>
      </c>
      <c r="B11" s="741"/>
      <c r="C11" s="742"/>
      <c r="D11" s="742"/>
      <c r="E11" s="102"/>
      <c r="F11" s="102"/>
      <c r="G11" s="102"/>
      <c r="H11" s="102"/>
      <c r="I11" s="102"/>
      <c r="J11" s="103"/>
      <c r="K11" s="104"/>
      <c r="L11" s="105"/>
      <c r="M11" s="106"/>
      <c r="N11" s="107"/>
      <c r="O11" s="108"/>
      <c r="P11" s="109"/>
      <c r="Q11" s="144"/>
      <c r="R11" s="147"/>
      <c r="S11" s="104"/>
      <c r="T11" s="110"/>
    </row>
    <row r="12" spans="1:33" ht="39.75" customHeight="1" x14ac:dyDescent="0.2">
      <c r="A12" s="80">
        <v>2</v>
      </c>
      <c r="B12" s="731"/>
      <c r="C12" s="732"/>
      <c r="D12" s="732"/>
      <c r="E12" s="111"/>
      <c r="F12" s="111"/>
      <c r="G12" s="111"/>
      <c r="H12" s="111"/>
      <c r="I12" s="111"/>
      <c r="J12" s="112"/>
      <c r="K12" s="113"/>
      <c r="L12" s="114"/>
      <c r="M12" s="115"/>
      <c r="N12" s="116"/>
      <c r="O12" s="117"/>
      <c r="P12" s="118"/>
      <c r="Q12" s="145"/>
      <c r="R12" s="111"/>
      <c r="S12" s="113"/>
      <c r="T12" s="119"/>
    </row>
    <row r="13" spans="1:33" ht="39.75" customHeight="1" x14ac:dyDescent="0.2">
      <c r="A13" s="80">
        <v>3</v>
      </c>
      <c r="B13" s="731"/>
      <c r="C13" s="732"/>
      <c r="D13" s="732"/>
      <c r="E13" s="111"/>
      <c r="F13" s="111"/>
      <c r="G13" s="111"/>
      <c r="H13" s="111"/>
      <c r="I13" s="111"/>
      <c r="J13" s="112"/>
      <c r="K13" s="113"/>
      <c r="L13" s="114"/>
      <c r="M13" s="115"/>
      <c r="N13" s="116"/>
      <c r="O13" s="117"/>
      <c r="P13" s="118"/>
      <c r="Q13" s="145"/>
      <c r="R13" s="111"/>
      <c r="S13" s="113"/>
      <c r="T13" s="119"/>
    </row>
    <row r="14" spans="1:33" ht="39.75" customHeight="1" x14ac:dyDescent="0.2">
      <c r="A14" s="80">
        <v>4</v>
      </c>
      <c r="B14" s="731"/>
      <c r="C14" s="732"/>
      <c r="D14" s="732"/>
      <c r="E14" s="111"/>
      <c r="F14" s="111"/>
      <c r="G14" s="111"/>
      <c r="H14" s="111"/>
      <c r="I14" s="111"/>
      <c r="J14" s="112"/>
      <c r="K14" s="113"/>
      <c r="L14" s="114"/>
      <c r="M14" s="120"/>
      <c r="N14" s="121"/>
      <c r="O14" s="122"/>
      <c r="P14" s="118"/>
      <c r="Q14" s="145"/>
      <c r="R14" s="111"/>
      <c r="S14" s="113"/>
      <c r="T14" s="119"/>
    </row>
    <row r="15" spans="1:33" ht="39.75" customHeight="1" x14ac:dyDescent="0.2">
      <c r="A15" s="80">
        <v>5</v>
      </c>
      <c r="B15" s="731"/>
      <c r="C15" s="732"/>
      <c r="D15" s="732"/>
      <c r="E15" s="111"/>
      <c r="F15" s="111"/>
      <c r="G15" s="111"/>
      <c r="H15" s="111"/>
      <c r="I15" s="111"/>
      <c r="J15" s="112"/>
      <c r="K15" s="113"/>
      <c r="L15" s="114"/>
      <c r="M15" s="120"/>
      <c r="N15" s="121"/>
      <c r="O15" s="122"/>
      <c r="P15" s="118"/>
      <c r="Q15" s="145"/>
      <c r="R15" s="111"/>
      <c r="S15" s="113"/>
      <c r="T15" s="119"/>
    </row>
    <row r="16" spans="1:33" ht="39.75" customHeight="1" x14ac:dyDescent="0.2">
      <c r="A16" s="80">
        <v>6</v>
      </c>
      <c r="B16" s="731"/>
      <c r="C16" s="732"/>
      <c r="D16" s="732"/>
      <c r="E16" s="111"/>
      <c r="F16" s="111"/>
      <c r="G16" s="111"/>
      <c r="H16" s="111"/>
      <c r="I16" s="111"/>
      <c r="J16" s="112"/>
      <c r="K16" s="113"/>
      <c r="L16" s="114"/>
      <c r="M16" s="120"/>
      <c r="N16" s="121"/>
      <c r="O16" s="122"/>
      <c r="P16" s="118"/>
      <c r="Q16" s="145"/>
      <c r="R16" s="111"/>
      <c r="S16" s="113"/>
      <c r="T16" s="119"/>
    </row>
    <row r="17" spans="1:20" ht="39.75" customHeight="1" x14ac:dyDescent="0.2">
      <c r="A17" s="80">
        <v>7</v>
      </c>
      <c r="B17" s="731"/>
      <c r="C17" s="732"/>
      <c r="D17" s="732"/>
      <c r="E17" s="111"/>
      <c r="F17" s="111"/>
      <c r="G17" s="111"/>
      <c r="H17" s="111"/>
      <c r="I17" s="111"/>
      <c r="J17" s="112"/>
      <c r="K17" s="113"/>
      <c r="L17" s="114"/>
      <c r="M17" s="120"/>
      <c r="N17" s="121"/>
      <c r="O17" s="122"/>
      <c r="P17" s="118"/>
      <c r="Q17" s="145"/>
      <c r="R17" s="111"/>
      <c r="S17" s="113"/>
      <c r="T17" s="119"/>
    </row>
    <row r="18" spans="1:20" ht="39.75" customHeight="1" x14ac:dyDescent="0.2">
      <c r="A18" s="80">
        <v>8</v>
      </c>
      <c r="B18" s="731"/>
      <c r="C18" s="732"/>
      <c r="D18" s="732"/>
      <c r="E18" s="111"/>
      <c r="F18" s="111"/>
      <c r="G18" s="111"/>
      <c r="H18" s="111"/>
      <c r="I18" s="111"/>
      <c r="J18" s="112"/>
      <c r="K18" s="113"/>
      <c r="L18" s="114"/>
      <c r="M18" s="120"/>
      <c r="N18" s="121"/>
      <c r="O18" s="122"/>
      <c r="P18" s="118"/>
      <c r="Q18" s="145"/>
      <c r="R18" s="111"/>
      <c r="S18" s="113"/>
      <c r="T18" s="119"/>
    </row>
    <row r="19" spans="1:20" ht="39.75" customHeight="1" x14ac:dyDescent="0.2">
      <c r="A19" s="80">
        <v>9</v>
      </c>
      <c r="B19" s="731"/>
      <c r="C19" s="732"/>
      <c r="D19" s="732"/>
      <c r="E19" s="111"/>
      <c r="F19" s="111"/>
      <c r="G19" s="111"/>
      <c r="H19" s="111"/>
      <c r="I19" s="111"/>
      <c r="J19" s="112"/>
      <c r="K19" s="113"/>
      <c r="L19" s="114"/>
      <c r="M19" s="120"/>
      <c r="N19" s="121"/>
      <c r="O19" s="122"/>
      <c r="P19" s="118"/>
      <c r="Q19" s="145"/>
      <c r="R19" s="111"/>
      <c r="S19" s="113"/>
      <c r="T19" s="119"/>
    </row>
    <row r="20" spans="1:20" ht="39.75" customHeight="1" x14ac:dyDescent="0.2">
      <c r="A20" s="80">
        <v>10</v>
      </c>
      <c r="B20" s="731"/>
      <c r="C20" s="732"/>
      <c r="D20" s="732"/>
      <c r="E20" s="111"/>
      <c r="F20" s="111"/>
      <c r="G20" s="111"/>
      <c r="H20" s="111"/>
      <c r="I20" s="111"/>
      <c r="J20" s="112"/>
      <c r="K20" s="113"/>
      <c r="L20" s="114"/>
      <c r="M20" s="120"/>
      <c r="N20" s="121"/>
      <c r="O20" s="122"/>
      <c r="P20" s="118"/>
      <c r="Q20" s="145"/>
      <c r="R20" s="111"/>
      <c r="S20" s="113"/>
      <c r="T20" s="119"/>
    </row>
    <row r="21" spans="1:20" ht="39.75" customHeight="1" x14ac:dyDescent="0.2">
      <c r="A21" s="80">
        <v>11</v>
      </c>
      <c r="B21" s="731"/>
      <c r="C21" s="732"/>
      <c r="D21" s="732"/>
      <c r="E21" s="111"/>
      <c r="F21" s="111"/>
      <c r="G21" s="111"/>
      <c r="H21" s="111"/>
      <c r="I21" s="111"/>
      <c r="J21" s="112"/>
      <c r="K21" s="113"/>
      <c r="L21" s="114"/>
      <c r="M21" s="120"/>
      <c r="N21" s="121"/>
      <c r="O21" s="122"/>
      <c r="P21" s="118"/>
      <c r="Q21" s="145"/>
      <c r="R21" s="111"/>
      <c r="S21" s="113"/>
      <c r="T21" s="119"/>
    </row>
    <row r="22" spans="1:20" ht="39.75" customHeight="1" x14ac:dyDescent="0.2">
      <c r="A22" s="80">
        <v>12</v>
      </c>
      <c r="B22" s="731"/>
      <c r="C22" s="732"/>
      <c r="D22" s="732"/>
      <c r="E22" s="111"/>
      <c r="F22" s="111"/>
      <c r="G22" s="111"/>
      <c r="H22" s="111"/>
      <c r="I22" s="111"/>
      <c r="J22" s="112"/>
      <c r="K22" s="113"/>
      <c r="L22" s="114"/>
      <c r="M22" s="120"/>
      <c r="N22" s="121"/>
      <c r="O22" s="122"/>
      <c r="P22" s="118"/>
      <c r="Q22" s="145"/>
      <c r="R22" s="111"/>
      <c r="S22" s="113"/>
      <c r="T22" s="119"/>
    </row>
    <row r="23" spans="1:20" ht="39.75" customHeight="1" x14ac:dyDescent="0.2">
      <c r="A23" s="80">
        <v>13</v>
      </c>
      <c r="B23" s="731"/>
      <c r="C23" s="732"/>
      <c r="D23" s="732"/>
      <c r="E23" s="111"/>
      <c r="F23" s="111"/>
      <c r="G23" s="111"/>
      <c r="H23" s="111"/>
      <c r="I23" s="111"/>
      <c r="J23" s="112"/>
      <c r="K23" s="113"/>
      <c r="L23" s="114"/>
      <c r="M23" s="120"/>
      <c r="N23" s="121"/>
      <c r="O23" s="122"/>
      <c r="P23" s="118"/>
      <c r="Q23" s="145"/>
      <c r="R23" s="111"/>
      <c r="S23" s="113"/>
      <c r="T23" s="119"/>
    </row>
    <row r="24" spans="1:20" ht="39.75" customHeight="1" x14ac:dyDescent="0.2">
      <c r="A24" s="80">
        <v>14</v>
      </c>
      <c r="B24" s="320"/>
      <c r="C24" s="321"/>
      <c r="D24" s="321"/>
      <c r="E24" s="111"/>
      <c r="F24" s="111"/>
      <c r="G24" s="111"/>
      <c r="H24" s="111"/>
      <c r="I24" s="111"/>
      <c r="J24" s="112"/>
      <c r="K24" s="113"/>
      <c r="L24" s="114"/>
      <c r="M24" s="120"/>
      <c r="N24" s="121"/>
      <c r="O24" s="122"/>
      <c r="P24" s="118"/>
      <c r="Q24" s="145"/>
      <c r="R24" s="111"/>
      <c r="S24" s="113"/>
      <c r="T24" s="119"/>
    </row>
    <row r="25" spans="1:20" ht="39.75" customHeight="1" thickBot="1" x14ac:dyDescent="0.25">
      <c r="A25" s="80">
        <v>15</v>
      </c>
      <c r="B25" s="123"/>
      <c r="C25" s="124"/>
      <c r="D25" s="124"/>
      <c r="E25" s="125"/>
      <c r="F25" s="125"/>
      <c r="G25" s="125"/>
      <c r="H25" s="125"/>
      <c r="I25" s="125"/>
      <c r="J25" s="126"/>
      <c r="K25" s="127"/>
      <c r="L25" s="128"/>
      <c r="M25" s="129"/>
      <c r="N25" s="130"/>
      <c r="O25" s="131"/>
      <c r="P25" s="132"/>
      <c r="Q25" s="146"/>
      <c r="R25" s="125"/>
      <c r="S25" s="127"/>
      <c r="T25" s="133"/>
    </row>
    <row r="26" spans="1:20" x14ac:dyDescent="0.2">
      <c r="B26" s="134"/>
      <c r="C26" s="134"/>
      <c r="D26" s="134"/>
      <c r="E26" s="135"/>
      <c r="F26" s="135"/>
      <c r="G26" s="135"/>
      <c r="H26" s="135"/>
      <c r="I26" s="135"/>
      <c r="J26" s="136"/>
      <c r="K26" s="135"/>
      <c r="L26" s="135"/>
      <c r="M26" s="137"/>
      <c r="N26" s="135"/>
      <c r="O26" s="138"/>
    </row>
    <row r="27" spans="1:20" ht="30" customHeight="1" x14ac:dyDescent="0.2">
      <c r="B27" s="139" t="s">
        <v>174</v>
      </c>
      <c r="F27" s="324"/>
      <c r="G27" s="324"/>
      <c r="H27" s="324"/>
      <c r="I27" s="324"/>
    </row>
    <row r="28" spans="1:20" ht="30" customHeight="1" x14ac:dyDescent="0.2">
      <c r="B28" s="139" t="s">
        <v>175</v>
      </c>
    </row>
    <row r="29" spans="1:20" ht="30" customHeight="1" x14ac:dyDescent="0.2">
      <c r="B29" s="139" t="s">
        <v>176</v>
      </c>
      <c r="P29" s="743" t="s">
        <v>177</v>
      </c>
      <c r="Q29" s="744"/>
      <c r="R29" s="744"/>
      <c r="S29" s="744"/>
      <c r="T29" s="745"/>
    </row>
    <row r="30" spans="1:20" ht="30" customHeight="1" x14ac:dyDescent="0.2">
      <c r="B30" s="139"/>
      <c r="P30" s="746" t="s">
        <v>178</v>
      </c>
      <c r="Q30" s="746"/>
      <c r="R30" s="746"/>
      <c r="S30" s="746"/>
      <c r="T30" s="746"/>
    </row>
    <row r="41" spans="2:18" x14ac:dyDescent="0.2">
      <c r="B41" s="143"/>
      <c r="C41" s="143"/>
      <c r="D41" s="143"/>
      <c r="E41" s="143"/>
      <c r="F41" s="143"/>
      <c r="G41" s="143"/>
      <c r="H41" s="143"/>
      <c r="I41" s="143"/>
      <c r="J41" s="143"/>
      <c r="K41" s="143"/>
      <c r="L41" s="143"/>
      <c r="M41" s="143"/>
      <c r="N41" s="143"/>
      <c r="O41" s="143"/>
      <c r="P41" s="143"/>
      <c r="Q41" s="143"/>
      <c r="R41" s="143"/>
    </row>
  </sheetData>
  <mergeCells count="20">
    <mergeCell ref="P29:T29"/>
    <mergeCell ref="P30:T30"/>
    <mergeCell ref="B18:D18"/>
    <mergeCell ref="B19:D19"/>
    <mergeCell ref="B20:D20"/>
    <mergeCell ref="B21:D21"/>
    <mergeCell ref="B22:D22"/>
    <mergeCell ref="B23:D23"/>
    <mergeCell ref="B17:D17"/>
    <mergeCell ref="B3:B4"/>
    <mergeCell ref="G3:O3"/>
    <mergeCell ref="G4:O4"/>
    <mergeCell ref="B10:D10"/>
    <mergeCell ref="E10:F10"/>
    <mergeCell ref="B11:D11"/>
    <mergeCell ref="B12:D12"/>
    <mergeCell ref="B13:D13"/>
    <mergeCell ref="B14:D14"/>
    <mergeCell ref="B15:D15"/>
    <mergeCell ref="B16:D16"/>
  </mergeCells>
  <phoneticPr fontId="1"/>
  <printOptions horizontalCentered="1" verticalCentered="1"/>
  <pageMargins left="0.51181102362204722" right="0.51181102362204722" top="0.55118110236220474" bottom="0.55118110236220474" header="0.31496062992125984" footer="0.31496062992125984"/>
  <pageSetup paperSize="9" scale="51"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6">
    <pageSetUpPr fitToPage="1"/>
  </sheetPr>
  <dimension ref="A1:CF253"/>
  <sheetViews>
    <sheetView showGridLines="0" view="pageBreakPreview" zoomScale="115" zoomScaleNormal="85" zoomScaleSheetLayoutView="115" workbookViewId="0">
      <selection activeCell="CC15" sqref="CC15"/>
    </sheetView>
  </sheetViews>
  <sheetFormatPr defaultColWidth="9" defaultRowHeight="14.4" x14ac:dyDescent="0.2"/>
  <cols>
    <col min="1" max="81" width="2" style="3" customWidth="1"/>
    <col min="82" max="84" width="1.88671875" style="3" customWidth="1"/>
    <col min="85" max="99" width="2" style="3" customWidth="1"/>
    <col min="100" max="16384" width="9" style="3"/>
  </cols>
  <sheetData>
    <row r="1" spans="1:83" s="372" customFormat="1" ht="22.8" customHeight="1" x14ac:dyDescent="0.2">
      <c r="A1" s="747" t="s">
        <v>205</v>
      </c>
      <c r="B1" s="747"/>
      <c r="C1" s="747"/>
      <c r="D1" s="747"/>
      <c r="E1" s="747"/>
      <c r="F1" s="747"/>
      <c r="G1" s="747"/>
      <c r="H1" s="747"/>
      <c r="I1" s="747"/>
      <c r="J1" s="747"/>
      <c r="K1" s="747"/>
      <c r="L1" s="747"/>
      <c r="M1" s="747"/>
      <c r="N1" s="747"/>
      <c r="O1" s="747"/>
      <c r="P1" s="747"/>
      <c r="Q1" s="747"/>
      <c r="R1" s="747"/>
      <c r="S1" s="747"/>
      <c r="T1" s="747"/>
      <c r="U1" s="747"/>
      <c r="V1" s="747"/>
      <c r="W1" s="747"/>
      <c r="X1" s="747"/>
      <c r="Y1" s="747"/>
      <c r="Z1" s="747"/>
      <c r="AA1" s="747"/>
      <c r="AB1" s="747"/>
      <c r="AC1" s="747"/>
      <c r="AD1" s="747"/>
      <c r="AE1" s="747"/>
      <c r="AF1" s="747"/>
      <c r="AG1" s="747"/>
      <c r="AH1" s="747"/>
      <c r="AI1" s="747"/>
      <c r="AJ1" s="747"/>
      <c r="AK1" s="747"/>
      <c r="AL1" s="747"/>
      <c r="AM1" s="747"/>
      <c r="AN1" s="747"/>
      <c r="AO1" s="747"/>
      <c r="AP1" s="747"/>
      <c r="AQ1" s="747"/>
      <c r="AR1" s="747"/>
      <c r="AS1" s="747"/>
      <c r="AT1" s="747"/>
      <c r="AU1" s="747"/>
      <c r="AV1" s="747"/>
      <c r="AW1" s="747"/>
      <c r="AX1" s="747"/>
      <c r="AY1" s="747"/>
      <c r="AZ1" s="747"/>
      <c r="BA1" s="747"/>
      <c r="BB1" s="747"/>
      <c r="BC1" s="747"/>
      <c r="BD1" s="747"/>
      <c r="BE1" s="747"/>
      <c r="BF1" s="747"/>
      <c r="BG1" s="747"/>
      <c r="BH1" s="747"/>
      <c r="BI1" s="747"/>
      <c r="BJ1" s="747"/>
      <c r="BK1" s="747"/>
      <c r="BL1" s="747"/>
      <c r="BM1" s="747"/>
      <c r="BN1" s="747"/>
      <c r="BO1" s="747"/>
      <c r="BP1" s="747"/>
      <c r="BQ1" s="747"/>
      <c r="BR1" s="747"/>
      <c r="BS1" s="747"/>
      <c r="BT1" s="747"/>
      <c r="BU1" s="747"/>
      <c r="BV1" s="747"/>
    </row>
    <row r="2" spans="1:83" ht="27.75" customHeight="1" x14ac:dyDescent="0.2">
      <c r="A2" s="956" t="s">
        <v>105</v>
      </c>
      <c r="B2" s="956"/>
      <c r="C2" s="956"/>
      <c r="D2" s="956"/>
      <c r="E2" s="956"/>
      <c r="F2" s="956"/>
      <c r="G2" s="956"/>
      <c r="H2" s="956"/>
      <c r="I2" s="956"/>
      <c r="J2" s="956"/>
      <c r="K2" s="956"/>
      <c r="L2" s="956"/>
      <c r="M2" s="956"/>
      <c r="N2" s="956"/>
      <c r="O2" s="956"/>
      <c r="P2" s="956"/>
      <c r="Q2" s="956"/>
      <c r="R2" s="956"/>
      <c r="S2" s="956"/>
      <c r="T2" s="956"/>
      <c r="U2" s="956"/>
      <c r="V2" s="956"/>
      <c r="W2" s="956"/>
      <c r="X2" s="956"/>
      <c r="Y2" s="956"/>
      <c r="Z2" s="956"/>
      <c r="AA2" s="956"/>
      <c r="AB2" s="956"/>
      <c r="AC2" s="956"/>
      <c r="AD2" s="956"/>
      <c r="AE2" s="956"/>
      <c r="AF2" s="956"/>
      <c r="AG2" s="956"/>
      <c r="AH2" s="956"/>
      <c r="AI2" s="956"/>
      <c r="AJ2" s="956"/>
      <c r="AK2" s="956"/>
      <c r="AL2" s="956"/>
      <c r="AM2" s="956"/>
      <c r="AN2" s="956"/>
      <c r="AO2" s="956"/>
      <c r="AP2" s="956"/>
      <c r="AQ2" s="956"/>
      <c r="AR2" s="956"/>
      <c r="AS2" s="956"/>
      <c r="AT2" s="956"/>
      <c r="AU2" s="956"/>
      <c r="AV2" s="956"/>
      <c r="AW2" s="956"/>
      <c r="AX2" s="956"/>
      <c r="AY2" s="956"/>
      <c r="AZ2" s="956"/>
      <c r="BA2" s="956"/>
      <c r="BB2" s="956"/>
      <c r="BC2" s="956"/>
      <c r="BD2" s="956"/>
      <c r="BE2" s="956"/>
      <c r="BF2" s="956"/>
      <c r="BG2" s="956"/>
      <c r="BH2" s="956"/>
      <c r="BI2" s="956"/>
      <c r="BJ2" s="956"/>
      <c r="BK2" s="956"/>
      <c r="BL2" s="956"/>
      <c r="BM2" s="956"/>
      <c r="BN2" s="956"/>
      <c r="BO2" s="956"/>
      <c r="BP2" s="956"/>
      <c r="BQ2" s="956"/>
      <c r="BR2" s="956"/>
      <c r="BS2" s="956"/>
      <c r="BT2" s="956"/>
      <c r="BU2" s="956"/>
      <c r="BV2" s="956"/>
      <c r="BW2" s="956"/>
      <c r="BX2" s="956"/>
      <c r="BY2" s="956"/>
      <c r="BZ2" s="956"/>
      <c r="CA2" s="956"/>
      <c r="CB2" s="956"/>
      <c r="CC2" s="956"/>
      <c r="CD2" s="2"/>
      <c r="CE2" s="2"/>
    </row>
    <row r="3" spans="1:83" ht="6.75" customHeight="1" x14ac:dyDescent="0.2">
      <c r="A3" s="957" t="s">
        <v>53</v>
      </c>
      <c r="B3" s="958"/>
      <c r="C3" s="823" t="s">
        <v>54</v>
      </c>
      <c r="D3" s="818"/>
      <c r="E3" s="818"/>
      <c r="F3" s="818"/>
      <c r="G3" s="824"/>
      <c r="J3" s="904" t="s">
        <v>162</v>
      </c>
      <c r="K3" s="905"/>
      <c r="L3" s="910" t="s">
        <v>163</v>
      </c>
      <c r="M3" s="910"/>
      <c r="N3" s="910"/>
      <c r="O3" s="910"/>
      <c r="P3" s="805"/>
      <c r="Q3" s="792"/>
      <c r="R3" s="865"/>
      <c r="Z3" s="900" t="s">
        <v>224</v>
      </c>
      <c r="AA3" s="900"/>
      <c r="AB3" s="900"/>
      <c r="AC3" s="900"/>
      <c r="AD3" s="900"/>
      <c r="AE3" s="900"/>
      <c r="AF3" s="900"/>
      <c r="AG3" s="900"/>
      <c r="AH3" s="900"/>
      <c r="AI3" s="900"/>
      <c r="AJ3" s="900"/>
      <c r="AK3" s="900"/>
      <c r="AL3" s="900"/>
      <c r="AM3" s="900"/>
      <c r="AN3" s="900"/>
      <c r="AO3" s="900"/>
      <c r="AP3" s="900"/>
      <c r="AQ3" s="900"/>
      <c r="AR3" s="900"/>
      <c r="AS3" s="900"/>
      <c r="AT3" s="900"/>
      <c r="AU3" s="900"/>
      <c r="AV3" s="900"/>
      <c r="AW3" s="900"/>
      <c r="AX3" s="900"/>
      <c r="AY3" s="900"/>
      <c r="AZ3" s="900"/>
      <c r="BA3" s="900"/>
      <c r="BB3" s="900"/>
      <c r="BC3" s="900"/>
      <c r="BP3" s="5"/>
      <c r="BQ3" s="823" t="s">
        <v>55</v>
      </c>
      <c r="BR3" s="896"/>
      <c r="BS3" s="896"/>
      <c r="BT3" s="896"/>
      <c r="BU3" s="896"/>
      <c r="BV3" s="896"/>
      <c r="BW3" s="896"/>
      <c r="BX3" s="896"/>
      <c r="BY3" s="896"/>
      <c r="BZ3" s="896"/>
      <c r="CA3" s="896"/>
      <c r="CB3" s="896"/>
      <c r="CC3" s="897"/>
      <c r="CD3" s="6"/>
      <c r="CE3" s="5"/>
    </row>
    <row r="4" spans="1:83" ht="6.75" customHeight="1" x14ac:dyDescent="0.2">
      <c r="A4" s="959"/>
      <c r="B4" s="960"/>
      <c r="C4" s="771"/>
      <c r="D4" s="772"/>
      <c r="E4" s="772"/>
      <c r="F4" s="772"/>
      <c r="G4" s="773"/>
      <c r="J4" s="906"/>
      <c r="K4" s="907"/>
      <c r="L4" s="910"/>
      <c r="M4" s="910"/>
      <c r="N4" s="910"/>
      <c r="O4" s="910"/>
      <c r="P4" s="807"/>
      <c r="Q4" s="793"/>
      <c r="R4" s="866"/>
      <c r="Z4" s="900"/>
      <c r="AA4" s="900"/>
      <c r="AB4" s="900"/>
      <c r="AC4" s="900"/>
      <c r="AD4" s="900"/>
      <c r="AE4" s="900"/>
      <c r="AF4" s="900"/>
      <c r="AG4" s="900"/>
      <c r="AH4" s="900"/>
      <c r="AI4" s="900"/>
      <c r="AJ4" s="900"/>
      <c r="AK4" s="900"/>
      <c r="AL4" s="900"/>
      <c r="AM4" s="900"/>
      <c r="AN4" s="900"/>
      <c r="AO4" s="900"/>
      <c r="AP4" s="900"/>
      <c r="AQ4" s="900"/>
      <c r="AR4" s="900"/>
      <c r="AS4" s="900"/>
      <c r="AT4" s="900"/>
      <c r="AU4" s="900"/>
      <c r="AV4" s="900"/>
      <c r="AW4" s="900"/>
      <c r="AX4" s="900"/>
      <c r="AY4" s="900"/>
      <c r="AZ4" s="900"/>
      <c r="BA4" s="900"/>
      <c r="BB4" s="900"/>
      <c r="BC4" s="900"/>
      <c r="BF4" s="985"/>
      <c r="BG4" s="915"/>
      <c r="BH4" s="915"/>
      <c r="BI4" s="7"/>
      <c r="BJ4" s="7"/>
      <c r="BK4" s="915"/>
      <c r="BL4" s="915"/>
      <c r="BM4" s="915"/>
      <c r="BN4" s="7"/>
      <c r="BO4" s="8"/>
      <c r="BP4" s="5"/>
      <c r="BQ4" s="964"/>
      <c r="BR4" s="965"/>
      <c r="BS4" s="965"/>
      <c r="BT4" s="965"/>
      <c r="BU4" s="965"/>
      <c r="BV4" s="965"/>
      <c r="BW4" s="965"/>
      <c r="BX4" s="965"/>
      <c r="BY4" s="965"/>
      <c r="BZ4" s="965"/>
      <c r="CA4" s="965"/>
      <c r="CB4" s="965"/>
      <c r="CC4" s="966"/>
      <c r="CD4" s="6"/>
      <c r="CE4" s="5"/>
    </row>
    <row r="5" spans="1:83" ht="6" customHeight="1" x14ac:dyDescent="0.2">
      <c r="A5" s="961"/>
      <c r="B5" s="962"/>
      <c r="C5" s="771"/>
      <c r="D5" s="772"/>
      <c r="E5" s="772"/>
      <c r="F5" s="772"/>
      <c r="G5" s="773"/>
      <c r="J5" s="906"/>
      <c r="K5" s="907"/>
      <c r="L5" s="910"/>
      <c r="M5" s="910"/>
      <c r="N5" s="910"/>
      <c r="O5" s="910"/>
      <c r="P5" s="807"/>
      <c r="Q5" s="793"/>
      <c r="R5" s="866"/>
      <c r="Z5" s="4"/>
      <c r="AA5" s="4"/>
      <c r="AB5" s="4"/>
      <c r="AC5" s="4"/>
      <c r="AD5" s="4"/>
      <c r="AE5" s="4"/>
      <c r="AF5" s="4"/>
      <c r="AG5" s="4"/>
      <c r="AH5" s="4"/>
      <c r="AI5" s="148"/>
      <c r="AJ5" s="148"/>
      <c r="AK5" s="148"/>
      <c r="AL5" s="148"/>
      <c r="AM5" s="148"/>
      <c r="AN5" s="148"/>
      <c r="AO5" s="148"/>
      <c r="AP5" s="148"/>
      <c r="AQ5" s="148"/>
      <c r="AR5" s="148"/>
      <c r="AS5" s="148"/>
      <c r="AT5" s="148"/>
      <c r="AU5" s="4"/>
      <c r="AV5" s="4"/>
      <c r="AW5" s="4"/>
      <c r="BF5" s="986"/>
      <c r="BG5" s="916"/>
      <c r="BH5" s="916"/>
      <c r="BI5" s="9"/>
      <c r="BJ5" s="9"/>
      <c r="BK5" s="916"/>
      <c r="BL5" s="916"/>
      <c r="BM5" s="916"/>
      <c r="BN5" s="9"/>
      <c r="BO5" s="10"/>
      <c r="BP5" s="9"/>
      <c r="BQ5" s="967" t="str">
        <f>IF('その1（A4判）'!AE3="","",'その1（A4判）'!AE3)</f>
        <v/>
      </c>
      <c r="BR5" s="896"/>
      <c r="BS5" s="896"/>
      <c r="BT5" s="896"/>
      <c r="BU5" s="896"/>
      <c r="BV5" s="896"/>
      <c r="BW5" s="896"/>
      <c r="BX5" s="896"/>
      <c r="BY5" s="896"/>
      <c r="BZ5" s="896"/>
      <c r="CA5" s="896"/>
      <c r="CB5" s="896"/>
      <c r="CC5" s="897"/>
      <c r="CD5" s="11"/>
      <c r="CE5" s="11"/>
    </row>
    <row r="6" spans="1:83" ht="8.25" hidden="1" customHeight="1" x14ac:dyDescent="0.2">
      <c r="A6" s="12">
        <v>1</v>
      </c>
      <c r="B6" s="34">
        <v>2</v>
      </c>
      <c r="C6" s="33">
        <v>3</v>
      </c>
      <c r="D6" s="14"/>
      <c r="E6" s="14"/>
      <c r="F6" s="14"/>
      <c r="G6" s="13">
        <v>7</v>
      </c>
      <c r="J6" s="906"/>
      <c r="K6" s="907"/>
      <c r="L6" s="910"/>
      <c r="M6" s="910"/>
      <c r="N6" s="910"/>
      <c r="O6" s="910"/>
      <c r="P6" s="936"/>
      <c r="Q6" s="794"/>
      <c r="R6" s="937"/>
      <c r="AI6" s="15"/>
      <c r="AJ6" s="901" t="s">
        <v>56</v>
      </c>
      <c r="AK6" s="901"/>
      <c r="AL6" s="901"/>
      <c r="AM6" s="901"/>
      <c r="AN6" s="901"/>
      <c r="AO6" s="901"/>
      <c r="AP6" s="901"/>
      <c r="AQ6" s="901"/>
      <c r="AR6" s="901"/>
      <c r="AS6" s="901"/>
      <c r="AT6" s="8"/>
      <c r="BF6" s="986"/>
      <c r="BG6" s="916"/>
      <c r="BH6" s="916"/>
      <c r="BI6" s="970" t="s">
        <v>57</v>
      </c>
      <c r="BJ6" s="970"/>
      <c r="BK6" s="916"/>
      <c r="BL6" s="916"/>
      <c r="BM6" s="916"/>
      <c r="BN6" s="970" t="s">
        <v>58</v>
      </c>
      <c r="BO6" s="971"/>
      <c r="BP6" s="9"/>
      <c r="BQ6" s="964"/>
      <c r="BR6" s="968"/>
      <c r="BS6" s="968"/>
      <c r="BT6" s="968"/>
      <c r="BU6" s="968"/>
      <c r="BV6" s="968"/>
      <c r="BW6" s="968"/>
      <c r="BX6" s="968"/>
      <c r="BY6" s="968"/>
      <c r="BZ6" s="968"/>
      <c r="CA6" s="968"/>
      <c r="CB6" s="968"/>
      <c r="CC6" s="966"/>
      <c r="CD6" s="11"/>
      <c r="CE6" s="11"/>
    </row>
    <row r="7" spans="1:83" ht="8.25" customHeight="1" x14ac:dyDescent="0.2">
      <c r="A7" s="17"/>
      <c r="B7" s="76"/>
      <c r="C7" s="77"/>
      <c r="D7" s="974" t="str">
        <f>IF('その1（A4判）'!E5="","",'その1（A4判）'!E5)</f>
        <v/>
      </c>
      <c r="E7" s="792"/>
      <c r="F7" s="792"/>
      <c r="G7" s="865"/>
      <c r="J7" s="906"/>
      <c r="K7" s="907"/>
      <c r="L7" s="910" t="s">
        <v>164</v>
      </c>
      <c r="M7" s="910"/>
      <c r="N7" s="910"/>
      <c r="O7" s="910"/>
      <c r="P7" s="805"/>
      <c r="Q7" s="792"/>
      <c r="R7" s="865"/>
      <c r="AI7" s="17"/>
      <c r="AJ7" s="902"/>
      <c r="AK7" s="902"/>
      <c r="AL7" s="902"/>
      <c r="AM7" s="902"/>
      <c r="AN7" s="902"/>
      <c r="AO7" s="902"/>
      <c r="AP7" s="902"/>
      <c r="AQ7" s="902"/>
      <c r="AR7" s="902"/>
      <c r="AS7" s="902"/>
      <c r="AT7" s="10"/>
      <c r="BF7" s="986"/>
      <c r="BG7" s="916"/>
      <c r="BH7" s="916"/>
      <c r="BI7" s="970"/>
      <c r="BJ7" s="970"/>
      <c r="BK7" s="916"/>
      <c r="BL7" s="916"/>
      <c r="BM7" s="916"/>
      <c r="BN7" s="970"/>
      <c r="BO7" s="971"/>
      <c r="BP7" s="9"/>
      <c r="BQ7" s="964"/>
      <c r="BR7" s="968"/>
      <c r="BS7" s="968"/>
      <c r="BT7" s="968"/>
      <c r="BU7" s="968"/>
      <c r="BV7" s="968"/>
      <c r="BW7" s="968"/>
      <c r="BX7" s="968"/>
      <c r="BY7" s="968"/>
      <c r="BZ7" s="968"/>
      <c r="CA7" s="968"/>
      <c r="CB7" s="968"/>
      <c r="CC7" s="966"/>
      <c r="CD7" s="11"/>
      <c r="CE7" s="11"/>
    </row>
    <row r="8" spans="1:83" ht="8.25" customHeight="1" x14ac:dyDescent="0.2">
      <c r="A8" s="893" t="s">
        <v>59</v>
      </c>
      <c r="B8" s="894"/>
      <c r="C8" s="963" t="s">
        <v>60</v>
      </c>
      <c r="D8" s="975"/>
      <c r="E8" s="793"/>
      <c r="F8" s="793"/>
      <c r="G8" s="866"/>
      <c r="J8" s="906"/>
      <c r="K8" s="907"/>
      <c r="L8" s="910"/>
      <c r="M8" s="910"/>
      <c r="N8" s="910"/>
      <c r="O8" s="910"/>
      <c r="P8" s="807"/>
      <c r="Q8" s="793"/>
      <c r="R8" s="866"/>
      <c r="AI8" s="18"/>
      <c r="AJ8" s="903"/>
      <c r="AK8" s="903"/>
      <c r="AL8" s="903"/>
      <c r="AM8" s="903"/>
      <c r="AN8" s="903"/>
      <c r="AO8" s="903"/>
      <c r="AP8" s="903"/>
      <c r="AQ8" s="903"/>
      <c r="AR8" s="903"/>
      <c r="AS8" s="903"/>
      <c r="AT8" s="19"/>
      <c r="BF8" s="987"/>
      <c r="BG8" s="984"/>
      <c r="BH8" s="984"/>
      <c r="BI8" s="972"/>
      <c r="BJ8" s="972"/>
      <c r="BK8" s="984"/>
      <c r="BL8" s="984"/>
      <c r="BM8" s="984"/>
      <c r="BN8" s="972"/>
      <c r="BO8" s="973"/>
      <c r="BP8" s="9"/>
      <c r="BQ8" s="969"/>
      <c r="BR8" s="898"/>
      <c r="BS8" s="898"/>
      <c r="BT8" s="898"/>
      <c r="BU8" s="898"/>
      <c r="BV8" s="898"/>
      <c r="BW8" s="898"/>
      <c r="BX8" s="898"/>
      <c r="BY8" s="898"/>
      <c r="BZ8" s="898"/>
      <c r="CA8" s="898"/>
      <c r="CB8" s="898"/>
      <c r="CC8" s="899"/>
    </row>
    <row r="9" spans="1:83" ht="6" customHeight="1" thickBot="1" x14ac:dyDescent="0.25">
      <c r="A9" s="893"/>
      <c r="B9" s="894"/>
      <c r="C9" s="963"/>
      <c r="D9" s="975"/>
      <c r="E9" s="793"/>
      <c r="F9" s="793"/>
      <c r="G9" s="866"/>
      <c r="J9" s="906"/>
      <c r="K9" s="907"/>
      <c r="L9" s="910"/>
      <c r="M9" s="910"/>
      <c r="N9" s="910"/>
      <c r="O9" s="910"/>
      <c r="P9" s="807"/>
      <c r="Q9" s="793"/>
      <c r="R9" s="866"/>
      <c r="AF9" s="9"/>
      <c r="AG9" s="20"/>
      <c r="AH9" s="20"/>
      <c r="AI9" s="20"/>
      <c r="AJ9" s="20"/>
      <c r="AK9" s="20"/>
      <c r="AL9" s="20"/>
      <c r="AM9" s="20"/>
      <c r="AN9" s="20"/>
      <c r="AO9" s="20"/>
      <c r="AP9" s="20"/>
      <c r="AQ9" s="9"/>
      <c r="BR9" s="16"/>
      <c r="BS9" s="16"/>
      <c r="BT9" s="16"/>
      <c r="BU9" s="16"/>
      <c r="BV9" s="16"/>
      <c r="BW9" s="16"/>
      <c r="BX9" s="16"/>
      <c r="BY9" s="16"/>
      <c r="BZ9" s="16"/>
      <c r="CA9" s="16"/>
      <c r="CB9" s="16"/>
      <c r="CC9" s="16"/>
    </row>
    <row r="10" spans="1:83" ht="8.25" customHeight="1" x14ac:dyDescent="0.2">
      <c r="A10" s="18"/>
      <c r="B10" s="19"/>
      <c r="C10" s="18"/>
      <c r="D10" s="976"/>
      <c r="E10" s="794"/>
      <c r="F10" s="794"/>
      <c r="G10" s="937"/>
      <c r="J10" s="908"/>
      <c r="K10" s="909"/>
      <c r="L10" s="910"/>
      <c r="M10" s="910"/>
      <c r="N10" s="910"/>
      <c r="O10" s="910"/>
      <c r="P10" s="936"/>
      <c r="Q10" s="794"/>
      <c r="R10" s="937"/>
      <c r="Z10" s="795" t="s">
        <v>61</v>
      </c>
      <c r="AA10" s="795"/>
      <c r="AB10" s="795"/>
      <c r="AC10" s="795"/>
      <c r="AD10" s="795"/>
      <c r="AE10" s="795"/>
      <c r="AF10" s="795"/>
      <c r="AG10" s="795"/>
      <c r="AH10" s="795"/>
      <c r="AI10" s="795"/>
      <c r="AJ10" s="795"/>
      <c r="AK10" s="795"/>
      <c r="AL10" s="795"/>
      <c r="AM10" s="795"/>
      <c r="AN10" s="795"/>
      <c r="AO10" s="795"/>
      <c r="AP10" s="795"/>
      <c r="AQ10" s="795"/>
      <c r="AR10" s="795"/>
      <c r="AS10" s="795"/>
      <c r="AT10" s="795"/>
      <c r="AU10" s="795"/>
      <c r="AV10" s="795"/>
      <c r="AW10" s="795"/>
      <c r="AX10" s="795"/>
      <c r="AY10" s="795"/>
      <c r="AZ10" s="795"/>
      <c r="BA10" s="795"/>
      <c r="BB10" s="795"/>
      <c r="BC10" s="795"/>
      <c r="BD10" s="795"/>
      <c r="BE10" s="304"/>
      <c r="BF10" s="977" t="s">
        <v>190</v>
      </c>
      <c r="BG10" s="978"/>
      <c r="BH10" s="978"/>
      <c r="BI10" s="978"/>
      <c r="BJ10" s="978"/>
      <c r="BK10" s="978"/>
      <c r="BL10" s="978"/>
      <c r="BM10" s="978"/>
      <c r="BN10" s="978"/>
      <c r="BO10" s="978"/>
      <c r="BP10" s="978"/>
      <c r="BQ10" s="978"/>
      <c r="BR10" s="978"/>
      <c r="BS10" s="978"/>
      <c r="BT10" s="978"/>
      <c r="BU10" s="978"/>
      <c r="BV10" s="978"/>
      <c r="BW10" s="978"/>
      <c r="BX10" s="978"/>
      <c r="BY10" s="978"/>
      <c r="BZ10" s="978"/>
      <c r="CA10" s="978"/>
      <c r="CB10" s="978"/>
      <c r="CC10" s="979"/>
    </row>
    <row r="11" spans="1:83" ht="9" customHeight="1" thickBot="1" x14ac:dyDescent="0.25">
      <c r="Z11" s="795"/>
      <c r="AA11" s="795"/>
      <c r="AB11" s="795"/>
      <c r="AC11" s="795"/>
      <c r="AD11" s="795"/>
      <c r="AE11" s="795"/>
      <c r="AF11" s="795"/>
      <c r="AG11" s="795"/>
      <c r="AH11" s="795"/>
      <c r="AI11" s="795"/>
      <c r="AJ11" s="795"/>
      <c r="AK11" s="795"/>
      <c r="AL11" s="795"/>
      <c r="AM11" s="795"/>
      <c r="AN11" s="795"/>
      <c r="AO11" s="795"/>
      <c r="AP11" s="795"/>
      <c r="AQ11" s="795"/>
      <c r="AR11" s="795"/>
      <c r="AS11" s="795"/>
      <c r="AT11" s="795"/>
      <c r="AU11" s="795"/>
      <c r="AV11" s="795"/>
      <c r="AW11" s="795"/>
      <c r="AX11" s="795"/>
      <c r="AY11" s="795"/>
      <c r="AZ11" s="795"/>
      <c r="BA11" s="795"/>
      <c r="BB11" s="795"/>
      <c r="BC11" s="795"/>
      <c r="BD11" s="795"/>
      <c r="BE11" s="304"/>
      <c r="BF11" s="980"/>
      <c r="BG11" s="981"/>
      <c r="BH11" s="981"/>
      <c r="BI11" s="981"/>
      <c r="BJ11" s="981"/>
      <c r="BK11" s="981"/>
      <c r="BL11" s="981"/>
      <c r="BM11" s="981"/>
      <c r="BN11" s="981"/>
      <c r="BO11" s="981"/>
      <c r="BP11" s="981"/>
      <c r="BQ11" s="981"/>
      <c r="BR11" s="981"/>
      <c r="BS11" s="981"/>
      <c r="BT11" s="981"/>
      <c r="BU11" s="981"/>
      <c r="BV11" s="981"/>
      <c r="BW11" s="981"/>
      <c r="BX11" s="981"/>
      <c r="BY11" s="981"/>
      <c r="BZ11" s="981"/>
      <c r="CA11" s="981"/>
      <c r="CB11" s="981"/>
      <c r="CC11" s="982"/>
    </row>
    <row r="12" spans="1:83" ht="9" customHeight="1" thickBot="1" x14ac:dyDescent="0.25"/>
    <row r="13" spans="1:83" ht="8.25" customHeight="1" x14ac:dyDescent="0.2">
      <c r="A13" s="15"/>
      <c r="B13" s="7"/>
      <c r="C13" s="8"/>
      <c r="D13" s="291"/>
      <c r="E13" s="292"/>
      <c r="F13" s="292"/>
      <c r="G13" s="292"/>
      <c r="H13" s="292"/>
      <c r="I13" s="292"/>
      <c r="J13" s="292"/>
      <c r="K13" s="292"/>
      <c r="L13" s="292"/>
      <c r="M13" s="292"/>
      <c r="N13" s="292"/>
      <c r="O13" s="292"/>
      <c r="P13" s="292"/>
      <c r="Q13" s="292"/>
      <c r="R13" s="292"/>
      <c r="S13" s="292"/>
      <c r="T13" s="878" t="s">
        <v>62</v>
      </c>
      <c r="U13" s="873"/>
      <c r="V13" s="873"/>
      <c r="W13" s="873"/>
      <c r="X13" s="879"/>
      <c r="Y13" s="895" t="s">
        <v>63</v>
      </c>
      <c r="Z13" s="896"/>
      <c r="AA13" s="896"/>
      <c r="AB13" s="896"/>
      <c r="AC13" s="896"/>
      <c r="AD13" s="896"/>
      <c r="AE13" s="896"/>
      <c r="AF13" s="896"/>
      <c r="AG13" s="896"/>
      <c r="AH13" s="896"/>
      <c r="AI13" s="896"/>
      <c r="AJ13" s="896"/>
      <c r="AK13" s="896"/>
      <c r="AL13" s="896"/>
      <c r="AM13" s="896"/>
      <c r="AN13" s="896"/>
      <c r="AO13" s="897"/>
      <c r="AP13" s="823" t="s">
        <v>64</v>
      </c>
      <c r="AQ13" s="818"/>
      <c r="AR13" s="818"/>
      <c r="AS13" s="818"/>
      <c r="AT13" s="818"/>
      <c r="AU13" s="818"/>
      <c r="AV13" s="818"/>
      <c r="AW13" s="818"/>
      <c r="AX13" s="818"/>
      <c r="AY13" s="818"/>
      <c r="AZ13" s="818"/>
      <c r="BA13" s="818"/>
      <c r="BB13" s="818"/>
      <c r="BC13" s="818"/>
      <c r="BD13" s="813" t="s">
        <v>65</v>
      </c>
      <c r="BE13" s="814"/>
      <c r="BF13" s="814"/>
      <c r="BG13" s="814"/>
      <c r="BH13" s="814"/>
      <c r="BI13" s="815"/>
      <c r="BJ13" s="7"/>
      <c r="BK13" s="7"/>
      <c r="BL13" s="7"/>
      <c r="BM13" s="7"/>
      <c r="BN13" s="7"/>
      <c r="BO13" s="7"/>
      <c r="BP13" s="7"/>
      <c r="BQ13" s="816" t="s">
        <v>66</v>
      </c>
      <c r="BR13" s="818" t="s">
        <v>67</v>
      </c>
      <c r="BS13" s="896"/>
      <c r="BT13" s="896"/>
      <c r="BU13" s="896"/>
      <c r="BV13" s="896"/>
      <c r="BW13" s="896"/>
      <c r="BX13" s="896"/>
      <c r="BY13" s="896"/>
      <c r="BZ13" s="825" t="s">
        <v>68</v>
      </c>
      <c r="CA13" s="859" t="s">
        <v>69</v>
      </c>
    </row>
    <row r="14" spans="1:83" ht="8.25" customHeight="1" thickBot="1" x14ac:dyDescent="0.25">
      <c r="A14" s="869" t="s">
        <v>70</v>
      </c>
      <c r="B14" s="870"/>
      <c r="C14" s="871"/>
      <c r="D14" s="293"/>
      <c r="E14" s="9"/>
      <c r="F14" s="9"/>
      <c r="G14" s="9"/>
      <c r="H14" s="9"/>
      <c r="I14" s="9"/>
      <c r="J14" s="9"/>
      <c r="K14" s="9"/>
      <c r="L14" s="9"/>
      <c r="M14" s="9"/>
      <c r="N14" s="9"/>
      <c r="O14" s="9"/>
      <c r="P14" s="9"/>
      <c r="Q14" s="9"/>
      <c r="R14" s="9"/>
      <c r="S14" s="9"/>
      <c r="T14" s="880"/>
      <c r="U14" s="819"/>
      <c r="V14" s="819"/>
      <c r="W14" s="819"/>
      <c r="X14" s="881"/>
      <c r="Y14" s="898"/>
      <c r="Z14" s="898"/>
      <c r="AA14" s="898"/>
      <c r="AB14" s="898"/>
      <c r="AC14" s="898"/>
      <c r="AD14" s="898"/>
      <c r="AE14" s="898"/>
      <c r="AF14" s="898"/>
      <c r="AG14" s="898"/>
      <c r="AH14" s="898"/>
      <c r="AI14" s="898"/>
      <c r="AJ14" s="898"/>
      <c r="AK14" s="898"/>
      <c r="AL14" s="898"/>
      <c r="AM14" s="898"/>
      <c r="AN14" s="898"/>
      <c r="AO14" s="899"/>
      <c r="AP14" s="771"/>
      <c r="AQ14" s="819"/>
      <c r="AR14" s="819"/>
      <c r="AS14" s="819"/>
      <c r="AT14" s="819"/>
      <c r="AU14" s="819"/>
      <c r="AV14" s="819"/>
      <c r="AW14" s="819"/>
      <c r="AX14" s="819"/>
      <c r="AY14" s="819"/>
      <c r="AZ14" s="819"/>
      <c r="BA14" s="819"/>
      <c r="BB14" s="819"/>
      <c r="BC14" s="819"/>
      <c r="BD14" s="820" t="s">
        <v>71</v>
      </c>
      <c r="BE14" s="821"/>
      <c r="BF14" s="821"/>
      <c r="BG14" s="821"/>
      <c r="BH14" s="821"/>
      <c r="BI14" s="822"/>
      <c r="BJ14" s="772" t="s">
        <v>72</v>
      </c>
      <c r="BK14" s="772"/>
      <c r="BL14" s="772"/>
      <c r="BM14" s="772"/>
      <c r="BN14" s="772"/>
      <c r="BO14" s="772"/>
      <c r="BP14" s="772"/>
      <c r="BQ14" s="817"/>
      <c r="BR14" s="968"/>
      <c r="BS14" s="898"/>
      <c r="BT14" s="898"/>
      <c r="BU14" s="898"/>
      <c r="BV14" s="898"/>
      <c r="BW14" s="898"/>
      <c r="BX14" s="898"/>
      <c r="BY14" s="898"/>
      <c r="BZ14" s="826"/>
      <c r="CA14" s="860"/>
    </row>
    <row r="15" spans="1:83" ht="8.25" customHeight="1" x14ac:dyDescent="0.2">
      <c r="A15" s="869"/>
      <c r="B15" s="870"/>
      <c r="C15" s="871"/>
      <c r="D15" s="293"/>
      <c r="E15" s="9"/>
      <c r="F15" s="772" t="s">
        <v>73</v>
      </c>
      <c r="G15" s="772"/>
      <c r="H15" s="772"/>
      <c r="I15" s="772"/>
      <c r="J15" s="772"/>
      <c r="K15" s="772"/>
      <c r="L15" s="772"/>
      <c r="M15" s="772"/>
      <c r="N15" s="772"/>
      <c r="O15" s="772"/>
      <c r="P15" s="772"/>
      <c r="Q15" s="772"/>
      <c r="R15" s="9"/>
      <c r="S15" s="9"/>
      <c r="T15" s="911" t="s">
        <v>74</v>
      </c>
      <c r="U15" s="818"/>
      <c r="V15" s="824"/>
      <c r="W15" s="891" t="s">
        <v>75</v>
      </c>
      <c r="X15" s="913"/>
      <c r="Y15" s="818" t="s">
        <v>76</v>
      </c>
      <c r="Z15" s="818"/>
      <c r="AA15" s="824"/>
      <c r="AB15" s="891" t="s">
        <v>75</v>
      </c>
      <c r="AC15" s="892"/>
      <c r="AD15" s="930" t="s">
        <v>77</v>
      </c>
      <c r="AE15" s="931"/>
      <c r="AF15" s="931"/>
      <c r="AG15" s="931"/>
      <c r="AH15" s="931"/>
      <c r="AI15" s="931"/>
      <c r="AJ15" s="931"/>
      <c r="AK15" s="932"/>
      <c r="AL15" s="890" t="s">
        <v>189</v>
      </c>
      <c r="AM15" s="839"/>
      <c r="AN15" s="839"/>
      <c r="AO15" s="839"/>
      <c r="AP15" s="816" t="s">
        <v>78</v>
      </c>
      <c r="AQ15" s="818" t="s">
        <v>79</v>
      </c>
      <c r="AR15" s="818"/>
      <c r="AS15" s="818"/>
      <c r="AT15" s="818"/>
      <c r="AU15" s="818"/>
      <c r="AV15" s="818"/>
      <c r="AW15" s="818"/>
      <c r="AX15" s="818"/>
      <c r="AY15" s="818"/>
      <c r="AZ15" s="818"/>
      <c r="BA15" s="818"/>
      <c r="BB15" s="818"/>
      <c r="BC15" s="818"/>
      <c r="BD15" s="830" t="s">
        <v>80</v>
      </c>
      <c r="BE15" s="787" t="s">
        <v>81</v>
      </c>
      <c r="BF15" s="857" t="s">
        <v>82</v>
      </c>
      <c r="BG15" s="787" t="s">
        <v>78</v>
      </c>
      <c r="BH15" s="857" t="s">
        <v>219</v>
      </c>
      <c r="BI15" s="868" t="s">
        <v>83</v>
      </c>
      <c r="BJ15" s="772"/>
      <c r="BK15" s="772"/>
      <c r="BL15" s="772"/>
      <c r="BM15" s="772"/>
      <c r="BN15" s="772"/>
      <c r="BO15" s="772"/>
      <c r="BP15" s="772"/>
      <c r="BQ15" s="817"/>
      <c r="BR15" s="816" t="s">
        <v>84</v>
      </c>
      <c r="BS15" s="818" t="s">
        <v>106</v>
      </c>
      <c r="BT15" s="896"/>
      <c r="BU15" s="896"/>
      <c r="BV15" s="896"/>
      <c r="BW15" s="896"/>
      <c r="BX15" s="896"/>
      <c r="BY15" s="896"/>
      <c r="BZ15" s="826"/>
      <c r="CA15" s="860"/>
    </row>
    <row r="16" spans="1:83" ht="8.25" customHeight="1" x14ac:dyDescent="0.2">
      <c r="A16" s="869"/>
      <c r="B16" s="870"/>
      <c r="C16" s="871"/>
      <c r="D16" s="293"/>
      <c r="E16" s="9"/>
      <c r="F16" s="772"/>
      <c r="G16" s="772"/>
      <c r="H16" s="772"/>
      <c r="I16" s="772"/>
      <c r="J16" s="772"/>
      <c r="K16" s="772"/>
      <c r="L16" s="772"/>
      <c r="M16" s="772"/>
      <c r="N16" s="772"/>
      <c r="O16" s="772"/>
      <c r="P16" s="772"/>
      <c r="Q16" s="772"/>
      <c r="R16" s="9"/>
      <c r="S16" s="9"/>
      <c r="T16" s="912"/>
      <c r="U16" s="772"/>
      <c r="V16" s="773"/>
      <c r="W16" s="893"/>
      <c r="X16" s="914"/>
      <c r="Y16" s="772"/>
      <c r="Z16" s="772"/>
      <c r="AA16" s="773"/>
      <c r="AB16" s="893"/>
      <c r="AC16" s="894"/>
      <c r="AD16" s="933"/>
      <c r="AE16" s="934"/>
      <c r="AF16" s="934"/>
      <c r="AG16" s="934"/>
      <c r="AH16" s="934"/>
      <c r="AI16" s="934"/>
      <c r="AJ16" s="934"/>
      <c r="AK16" s="935"/>
      <c r="AL16" s="840"/>
      <c r="AM16" s="841"/>
      <c r="AN16" s="841"/>
      <c r="AO16" s="842"/>
      <c r="AP16" s="817"/>
      <c r="AQ16" s="772"/>
      <c r="AR16" s="772"/>
      <c r="AS16" s="772"/>
      <c r="AT16" s="772"/>
      <c r="AU16" s="772"/>
      <c r="AV16" s="772"/>
      <c r="AW16" s="772"/>
      <c r="AX16" s="772"/>
      <c r="AY16" s="772"/>
      <c r="AZ16" s="772"/>
      <c r="BA16" s="772"/>
      <c r="BB16" s="772"/>
      <c r="BC16" s="772"/>
      <c r="BD16" s="826"/>
      <c r="BE16" s="788"/>
      <c r="BF16" s="858"/>
      <c r="BG16" s="788"/>
      <c r="BH16" s="858"/>
      <c r="BI16" s="860"/>
      <c r="BJ16" s="772" t="s">
        <v>85</v>
      </c>
      <c r="BK16" s="772"/>
      <c r="BL16" s="772"/>
      <c r="BM16" s="772"/>
      <c r="BN16" s="772"/>
      <c r="BO16" s="772"/>
      <c r="BP16" s="772"/>
      <c r="BQ16" s="817"/>
      <c r="BR16" s="983"/>
      <c r="BS16" s="968"/>
      <c r="BT16" s="965"/>
      <c r="BU16" s="965"/>
      <c r="BV16" s="965"/>
      <c r="BW16" s="965"/>
      <c r="BX16" s="965"/>
      <c r="BY16" s="968"/>
      <c r="BZ16" s="826"/>
      <c r="CA16" s="860"/>
    </row>
    <row r="17" spans="1:84" ht="8.25" customHeight="1" x14ac:dyDescent="0.2">
      <c r="A17" s="869"/>
      <c r="B17" s="870"/>
      <c r="C17" s="871"/>
      <c r="D17" s="293"/>
      <c r="E17" s="9"/>
      <c r="F17" s="9"/>
      <c r="G17" s="9"/>
      <c r="H17" s="9"/>
      <c r="I17" s="9"/>
      <c r="J17" s="9"/>
      <c r="K17" s="9"/>
      <c r="L17" s="9"/>
      <c r="M17" s="9"/>
      <c r="N17" s="9"/>
      <c r="O17" s="9"/>
      <c r="P17" s="9"/>
      <c r="Q17" s="9"/>
      <c r="R17" s="9"/>
      <c r="S17" s="9"/>
      <c r="T17" s="912"/>
      <c r="U17" s="772"/>
      <c r="V17" s="773"/>
      <c r="W17" s="893"/>
      <c r="X17" s="914"/>
      <c r="Y17" s="772"/>
      <c r="Z17" s="772"/>
      <c r="AA17" s="773"/>
      <c r="AB17" s="893"/>
      <c r="AC17" s="894"/>
      <c r="AD17" s="933"/>
      <c r="AE17" s="934"/>
      <c r="AF17" s="934"/>
      <c r="AG17" s="934"/>
      <c r="AH17" s="934"/>
      <c r="AI17" s="934"/>
      <c r="AJ17" s="934"/>
      <c r="AK17" s="935"/>
      <c r="AL17" s="840"/>
      <c r="AM17" s="841"/>
      <c r="AN17" s="841"/>
      <c r="AO17" s="842"/>
      <c r="AP17" s="817"/>
      <c r="AQ17" s="772"/>
      <c r="AR17" s="772"/>
      <c r="AS17" s="772"/>
      <c r="AT17" s="772"/>
      <c r="AU17" s="772"/>
      <c r="AV17" s="772"/>
      <c r="AW17" s="772"/>
      <c r="AX17" s="772"/>
      <c r="AY17" s="772"/>
      <c r="AZ17" s="772"/>
      <c r="BA17" s="772"/>
      <c r="BB17" s="772"/>
      <c r="BC17" s="772"/>
      <c r="BD17" s="826"/>
      <c r="BE17" s="788"/>
      <c r="BF17" s="858"/>
      <c r="BG17" s="788"/>
      <c r="BH17" s="858"/>
      <c r="BI17" s="860"/>
      <c r="BJ17" s="772"/>
      <c r="BK17" s="772"/>
      <c r="BL17" s="772"/>
      <c r="BM17" s="772"/>
      <c r="BN17" s="772"/>
      <c r="BO17" s="772"/>
      <c r="BP17" s="772"/>
      <c r="BQ17" s="817"/>
      <c r="BR17" s="983"/>
      <c r="BS17" s="968"/>
      <c r="BT17" s="965"/>
      <c r="BU17" s="965"/>
      <c r="BV17" s="965"/>
      <c r="BW17" s="965"/>
      <c r="BX17" s="965"/>
      <c r="BY17" s="968"/>
      <c r="BZ17" s="826"/>
      <c r="CA17" s="860"/>
    </row>
    <row r="18" spans="1:84" ht="8.25" hidden="1" customHeight="1" x14ac:dyDescent="0.2">
      <c r="A18" s="12">
        <v>8</v>
      </c>
      <c r="B18" s="14"/>
      <c r="C18" s="13">
        <v>10</v>
      </c>
      <c r="D18" s="294">
        <v>13</v>
      </c>
      <c r="E18" s="14"/>
      <c r="F18" s="14"/>
      <c r="G18" s="14"/>
      <c r="H18" s="14"/>
      <c r="I18" s="14"/>
      <c r="J18" s="14"/>
      <c r="K18" s="14"/>
      <c r="L18" s="14"/>
      <c r="M18" s="14"/>
      <c r="N18" s="14"/>
      <c r="O18" s="14"/>
      <c r="P18" s="14"/>
      <c r="Q18" s="14"/>
      <c r="R18" s="14"/>
      <c r="S18" s="24">
        <v>28</v>
      </c>
      <c r="T18" s="296"/>
      <c r="U18" s="288"/>
      <c r="V18" s="288"/>
      <c r="W18" s="12">
        <v>29</v>
      </c>
      <c r="X18" s="295">
        <v>30</v>
      </c>
      <c r="Y18" s="288"/>
      <c r="Z18" s="22"/>
      <c r="AA18" s="22"/>
      <c r="AB18" s="12">
        <v>31</v>
      </c>
      <c r="AC18" s="13">
        <v>32</v>
      </c>
      <c r="AD18" s="25"/>
      <c r="AE18" s="25"/>
      <c r="AF18" s="25"/>
      <c r="AG18" s="25"/>
      <c r="AH18" s="21"/>
      <c r="AI18" s="22"/>
      <c r="AJ18" s="22"/>
      <c r="AK18" s="23"/>
      <c r="AL18" s="811" t="s">
        <v>104</v>
      </c>
      <c r="AM18" s="812"/>
      <c r="AN18" s="812"/>
      <c r="AO18" s="812"/>
      <c r="AP18" s="297">
        <v>33</v>
      </c>
      <c r="AQ18" s="28">
        <v>34</v>
      </c>
      <c r="AR18" s="27"/>
      <c r="AS18" s="24">
        <v>36</v>
      </c>
      <c r="AT18" s="27"/>
      <c r="AU18" s="28">
        <v>37</v>
      </c>
      <c r="AV18" s="27"/>
      <c r="AW18" s="24">
        <v>39</v>
      </c>
      <c r="AX18" s="27"/>
      <c r="AY18" s="28">
        <v>40</v>
      </c>
      <c r="AZ18" s="27"/>
      <c r="BA18" s="27"/>
      <c r="BB18" s="27"/>
      <c r="BC18" s="24">
        <v>44</v>
      </c>
      <c r="BD18" s="796">
        <v>45</v>
      </c>
      <c r="BE18" s="797"/>
      <c r="BF18" s="798">
        <v>46</v>
      </c>
      <c r="BG18" s="797"/>
      <c r="BH18" s="12">
        <v>47</v>
      </c>
      <c r="BI18" s="295">
        <v>48</v>
      </c>
      <c r="BJ18" s="14"/>
      <c r="BK18" s="14"/>
      <c r="BL18" s="14"/>
      <c r="BM18" s="14"/>
      <c r="BN18" s="14"/>
      <c r="BO18" s="14"/>
      <c r="BP18" s="14"/>
      <c r="BQ18" s="297">
        <v>49</v>
      </c>
      <c r="BR18" s="297">
        <v>50</v>
      </c>
      <c r="BS18" s="287"/>
      <c r="BT18" s="40"/>
      <c r="BU18" s="40"/>
      <c r="BV18" s="40"/>
      <c r="BW18" s="40"/>
      <c r="BX18" s="40"/>
      <c r="BY18" s="287"/>
      <c r="BZ18" s="796">
        <v>51</v>
      </c>
      <c r="CA18" s="861"/>
    </row>
    <row r="19" spans="1:84" ht="8.25" customHeight="1" x14ac:dyDescent="0.2">
      <c r="A19" s="844"/>
      <c r="B19" s="938"/>
      <c r="C19" s="847"/>
      <c r="D19" s="944"/>
      <c r="E19" s="915"/>
      <c r="F19" s="915"/>
      <c r="G19" s="915"/>
      <c r="H19" s="915"/>
      <c r="I19" s="915"/>
      <c r="J19" s="915"/>
      <c r="K19" s="915"/>
      <c r="L19" s="915"/>
      <c r="M19" s="915"/>
      <c r="N19" s="915"/>
      <c r="O19" s="915"/>
      <c r="P19" s="915"/>
      <c r="Q19" s="915"/>
      <c r="R19" s="915"/>
      <c r="S19" s="915"/>
      <c r="T19" s="947"/>
      <c r="U19" s="924"/>
      <c r="V19" s="925"/>
      <c r="W19" s="844"/>
      <c r="X19" s="941"/>
      <c r="Y19" s="924"/>
      <c r="Z19" s="924"/>
      <c r="AA19" s="925"/>
      <c r="AB19" s="844"/>
      <c r="AC19" s="847"/>
      <c r="AD19" s="891"/>
      <c r="AE19" s="919"/>
      <c r="AF19" s="919"/>
      <c r="AG19" s="919"/>
      <c r="AH19" s="919"/>
      <c r="AI19" s="919"/>
      <c r="AJ19" s="919"/>
      <c r="AK19" s="892"/>
      <c r="AL19" s="838"/>
      <c r="AM19" s="839"/>
      <c r="AN19" s="839"/>
      <c r="AO19" s="839"/>
      <c r="AP19" s="789"/>
      <c r="AQ19" s="953"/>
      <c r="AR19" s="799"/>
      <c r="AS19" s="802"/>
      <c r="AT19" s="29"/>
      <c r="AU19" s="835"/>
      <c r="AV19" s="799"/>
      <c r="AW19" s="802"/>
      <c r="AX19" s="29"/>
      <c r="AY19" s="835"/>
      <c r="AZ19" s="799"/>
      <c r="BA19" s="799"/>
      <c r="BB19" s="799"/>
      <c r="BC19" s="862"/>
      <c r="BD19" s="827"/>
      <c r="BE19" s="865"/>
      <c r="BF19" s="805"/>
      <c r="BG19" s="865"/>
      <c r="BH19" s="805"/>
      <c r="BI19" s="806"/>
      <c r="BJ19" s="792"/>
      <c r="BK19" s="792"/>
      <c r="BL19" s="792"/>
      <c r="BM19" s="792"/>
      <c r="BN19" s="792"/>
      <c r="BO19" s="792"/>
      <c r="BP19" s="792"/>
      <c r="BQ19" s="789"/>
      <c r="BR19" s="298"/>
      <c r="BS19" s="792"/>
      <c r="BT19" s="896"/>
      <c r="BU19" s="896"/>
      <c r="BV19" s="896"/>
      <c r="BW19" s="896"/>
      <c r="BX19" s="896"/>
      <c r="BY19" s="896"/>
      <c r="BZ19" s="827"/>
      <c r="CA19" s="806"/>
    </row>
    <row r="20" spans="1:84" ht="8.25" customHeight="1" x14ac:dyDescent="0.2">
      <c r="A20" s="845"/>
      <c r="B20" s="939"/>
      <c r="C20" s="848"/>
      <c r="D20" s="945"/>
      <c r="E20" s="916"/>
      <c r="F20" s="916"/>
      <c r="G20" s="916"/>
      <c r="H20" s="916"/>
      <c r="I20" s="916"/>
      <c r="J20" s="916"/>
      <c r="K20" s="916"/>
      <c r="L20" s="916"/>
      <c r="M20" s="916"/>
      <c r="N20" s="916"/>
      <c r="O20" s="916"/>
      <c r="P20" s="916"/>
      <c r="Q20" s="916"/>
      <c r="R20" s="916"/>
      <c r="S20" s="916"/>
      <c r="T20" s="948"/>
      <c r="U20" s="926"/>
      <c r="V20" s="927"/>
      <c r="W20" s="845"/>
      <c r="X20" s="942"/>
      <c r="Y20" s="926"/>
      <c r="Z20" s="926"/>
      <c r="AA20" s="927"/>
      <c r="AB20" s="845"/>
      <c r="AC20" s="848"/>
      <c r="AD20" s="893"/>
      <c r="AE20" s="920"/>
      <c r="AF20" s="920"/>
      <c r="AG20" s="920"/>
      <c r="AH20" s="920"/>
      <c r="AI20" s="920"/>
      <c r="AJ20" s="920"/>
      <c r="AK20" s="894"/>
      <c r="AL20" s="840"/>
      <c r="AM20" s="841"/>
      <c r="AN20" s="841"/>
      <c r="AO20" s="842"/>
      <c r="AP20" s="790"/>
      <c r="AQ20" s="954"/>
      <c r="AR20" s="800"/>
      <c r="AS20" s="803"/>
      <c r="AT20" s="30" t="s">
        <v>86</v>
      </c>
      <c r="AU20" s="836"/>
      <c r="AV20" s="800"/>
      <c r="AW20" s="803"/>
      <c r="AX20" s="30" t="s">
        <v>86</v>
      </c>
      <c r="AY20" s="836"/>
      <c r="AZ20" s="800"/>
      <c r="BA20" s="800"/>
      <c r="BB20" s="800"/>
      <c r="BC20" s="863"/>
      <c r="BD20" s="828"/>
      <c r="BE20" s="866"/>
      <c r="BF20" s="807"/>
      <c r="BG20" s="866"/>
      <c r="BH20" s="807"/>
      <c r="BI20" s="808"/>
      <c r="BJ20" s="793"/>
      <c r="BK20" s="793"/>
      <c r="BL20" s="793"/>
      <c r="BM20" s="793"/>
      <c r="BN20" s="793"/>
      <c r="BO20" s="793"/>
      <c r="BP20" s="793"/>
      <c r="BQ20" s="790"/>
      <c r="BR20" s="299"/>
      <c r="BS20" s="968"/>
      <c r="BT20" s="965"/>
      <c r="BU20" s="965"/>
      <c r="BV20" s="965"/>
      <c r="BW20" s="965"/>
      <c r="BX20" s="965"/>
      <c r="BY20" s="968"/>
      <c r="BZ20" s="828"/>
      <c r="CA20" s="808"/>
    </row>
    <row r="21" spans="1:84" ht="8.25" customHeight="1" thickBot="1" x14ac:dyDescent="0.25">
      <c r="A21" s="846"/>
      <c r="B21" s="940"/>
      <c r="C21" s="849"/>
      <c r="D21" s="946"/>
      <c r="E21" s="917"/>
      <c r="F21" s="917"/>
      <c r="G21" s="917"/>
      <c r="H21" s="917"/>
      <c r="I21" s="917"/>
      <c r="J21" s="917"/>
      <c r="K21" s="917"/>
      <c r="L21" s="917"/>
      <c r="M21" s="917"/>
      <c r="N21" s="917"/>
      <c r="O21" s="917"/>
      <c r="P21" s="917"/>
      <c r="Q21" s="917"/>
      <c r="R21" s="917"/>
      <c r="S21" s="917"/>
      <c r="T21" s="949"/>
      <c r="U21" s="950"/>
      <c r="V21" s="951"/>
      <c r="W21" s="952"/>
      <c r="X21" s="943"/>
      <c r="Y21" s="928"/>
      <c r="Z21" s="928"/>
      <c r="AA21" s="929"/>
      <c r="AB21" s="846"/>
      <c r="AC21" s="849"/>
      <c r="AD21" s="921"/>
      <c r="AE21" s="922"/>
      <c r="AF21" s="922"/>
      <c r="AG21" s="922"/>
      <c r="AH21" s="922"/>
      <c r="AI21" s="922"/>
      <c r="AJ21" s="922"/>
      <c r="AK21" s="923"/>
      <c r="AL21" s="843"/>
      <c r="AM21" s="812"/>
      <c r="AN21" s="812"/>
      <c r="AO21" s="812"/>
      <c r="AP21" s="791"/>
      <c r="AQ21" s="955"/>
      <c r="AR21" s="801"/>
      <c r="AS21" s="804"/>
      <c r="AT21" s="31"/>
      <c r="AU21" s="918"/>
      <c r="AV21" s="801"/>
      <c r="AW21" s="804"/>
      <c r="AX21" s="31"/>
      <c r="AY21" s="918"/>
      <c r="AZ21" s="801"/>
      <c r="BA21" s="801"/>
      <c r="BB21" s="801"/>
      <c r="BC21" s="864"/>
      <c r="BD21" s="829"/>
      <c r="BE21" s="867"/>
      <c r="BF21" s="809"/>
      <c r="BG21" s="867"/>
      <c r="BH21" s="809"/>
      <c r="BI21" s="810"/>
      <c r="BJ21" s="794"/>
      <c r="BK21" s="794"/>
      <c r="BL21" s="794"/>
      <c r="BM21" s="794"/>
      <c r="BN21" s="794"/>
      <c r="BO21" s="794"/>
      <c r="BP21" s="794"/>
      <c r="BQ21" s="791"/>
      <c r="BR21" s="300"/>
      <c r="BS21" s="898"/>
      <c r="BT21" s="898"/>
      <c r="BU21" s="898"/>
      <c r="BV21" s="898"/>
      <c r="BW21" s="898"/>
      <c r="BX21" s="898"/>
      <c r="BY21" s="898"/>
      <c r="BZ21" s="829"/>
      <c r="CA21" s="810"/>
    </row>
    <row r="22" spans="1:84" ht="6" customHeight="1" thickBot="1" x14ac:dyDescent="0.25"/>
    <row r="23" spans="1:84" ht="8.25" customHeight="1" x14ac:dyDescent="0.2">
      <c r="D23" s="291"/>
      <c r="E23" s="292"/>
      <c r="F23" s="292"/>
      <c r="G23" s="292"/>
      <c r="H23" s="292"/>
      <c r="I23" s="292"/>
      <c r="J23" s="292"/>
      <c r="K23" s="292"/>
      <c r="L23" s="292"/>
      <c r="M23" s="292"/>
      <c r="N23" s="292"/>
      <c r="O23" s="292"/>
      <c r="P23" s="301"/>
      <c r="Q23" s="888" t="s">
        <v>87</v>
      </c>
      <c r="R23" s="872" t="s">
        <v>88</v>
      </c>
      <c r="S23" s="873"/>
      <c r="T23" s="873"/>
      <c r="U23" s="873"/>
      <c r="V23" s="873"/>
      <c r="W23" s="873"/>
      <c r="X23" s="874"/>
      <c r="Y23" s="872" t="s">
        <v>89</v>
      </c>
      <c r="Z23" s="873"/>
      <c r="AA23" s="873"/>
      <c r="AB23" s="873"/>
      <c r="AC23" s="873"/>
      <c r="AD23" s="873"/>
      <c r="AE23" s="879"/>
      <c r="AF23" s="7"/>
      <c r="AG23" s="7"/>
      <c r="AH23" s="7"/>
      <c r="AI23" s="7"/>
      <c r="AJ23" s="7"/>
      <c r="AK23" s="7"/>
      <c r="AL23" s="8"/>
      <c r="AM23" s="7"/>
      <c r="AN23" s="7"/>
      <c r="AO23" s="7"/>
      <c r="AP23" s="7"/>
      <c r="AQ23" s="7"/>
      <c r="AR23" s="7"/>
      <c r="AS23" s="15"/>
      <c r="AT23" s="7"/>
      <c r="AU23" s="7"/>
      <c r="AV23" s="7"/>
      <c r="AW23" s="7"/>
      <c r="AX23" s="8"/>
      <c r="AY23" s="7"/>
      <c r="AZ23" s="7"/>
      <c r="BA23" s="7"/>
      <c r="BB23" s="7"/>
      <c r="BC23" s="7"/>
      <c r="BD23" s="8"/>
      <c r="BE23" s="7"/>
      <c r="BF23" s="7"/>
      <c r="BG23" s="7"/>
      <c r="BH23" s="7"/>
      <c r="BI23" s="7"/>
      <c r="BJ23" s="8"/>
      <c r="BK23" s="15"/>
      <c r="BL23" s="7"/>
      <c r="BM23" s="7"/>
      <c r="BN23" s="7"/>
      <c r="BO23" s="7"/>
      <c r="BP23" s="7"/>
      <c r="BQ23" s="7"/>
      <c r="BR23" s="15"/>
      <c r="BS23" s="7"/>
      <c r="BT23" s="7"/>
      <c r="BU23" s="7"/>
      <c r="BV23" s="7"/>
      <c r="BW23" s="7"/>
      <c r="BX23" s="7"/>
      <c r="BY23" s="8"/>
      <c r="BZ23" s="766" t="s">
        <v>90</v>
      </c>
      <c r="CA23" s="32"/>
      <c r="CB23" s="32"/>
    </row>
    <row r="24" spans="1:84" ht="8.25" customHeight="1" x14ac:dyDescent="0.2">
      <c r="D24" s="293"/>
      <c r="E24" s="9"/>
      <c r="F24" s="9"/>
      <c r="G24" s="9"/>
      <c r="H24" s="9"/>
      <c r="I24" s="9"/>
      <c r="J24" s="9"/>
      <c r="K24" s="9"/>
      <c r="L24" s="9"/>
      <c r="M24" s="9"/>
      <c r="N24" s="9"/>
      <c r="O24" s="9"/>
      <c r="P24" s="10"/>
      <c r="Q24" s="889"/>
      <c r="R24" s="875"/>
      <c r="S24" s="819"/>
      <c r="T24" s="819"/>
      <c r="U24" s="819"/>
      <c r="V24" s="819"/>
      <c r="W24" s="819"/>
      <c r="X24" s="876"/>
      <c r="Y24" s="875"/>
      <c r="Z24" s="819"/>
      <c r="AA24" s="819"/>
      <c r="AB24" s="819"/>
      <c r="AC24" s="819"/>
      <c r="AD24" s="819"/>
      <c r="AE24" s="881"/>
      <c r="AF24" s="772" t="s">
        <v>91</v>
      </c>
      <c r="AG24" s="772"/>
      <c r="AH24" s="772"/>
      <c r="AI24" s="772"/>
      <c r="AJ24" s="772"/>
      <c r="AK24" s="772"/>
      <c r="AL24" s="773"/>
      <c r="AM24" s="768" t="s">
        <v>218</v>
      </c>
      <c r="AN24" s="769"/>
      <c r="AO24" s="769"/>
      <c r="AP24" s="769"/>
      <c r="AQ24" s="769"/>
      <c r="AR24" s="770"/>
      <c r="AS24" s="17"/>
      <c r="AT24" s="9"/>
      <c r="AU24" s="9"/>
      <c r="AV24" s="9"/>
      <c r="AW24" s="9"/>
      <c r="AX24" s="10"/>
      <c r="AY24" s="9"/>
      <c r="AZ24" s="9"/>
      <c r="BA24" s="9"/>
      <c r="BB24" s="9"/>
      <c r="BC24" s="9"/>
      <c r="BD24" s="10"/>
      <c r="BE24" s="9"/>
      <c r="BF24" s="9"/>
      <c r="BG24" s="9"/>
      <c r="BH24" s="9"/>
      <c r="BI24" s="9"/>
      <c r="BJ24" s="10"/>
      <c r="BK24" s="17"/>
      <c r="BL24" s="9"/>
      <c r="BM24" s="9"/>
      <c r="BN24" s="9"/>
      <c r="BO24" s="9"/>
      <c r="BP24" s="9"/>
      <c r="BQ24" s="9"/>
      <c r="BR24" s="771" t="s">
        <v>92</v>
      </c>
      <c r="BS24" s="772"/>
      <c r="BT24" s="772"/>
      <c r="BU24" s="772"/>
      <c r="BV24" s="772"/>
      <c r="BW24" s="772"/>
      <c r="BX24" s="772"/>
      <c r="BY24" s="773"/>
      <c r="BZ24" s="767"/>
      <c r="CA24" s="32"/>
      <c r="CB24" s="32"/>
    </row>
    <row r="25" spans="1:84" ht="8.25" customHeight="1" x14ac:dyDescent="0.2">
      <c r="D25" s="293"/>
      <c r="E25" s="870" t="s">
        <v>93</v>
      </c>
      <c r="F25" s="772"/>
      <c r="G25" s="772"/>
      <c r="H25" s="772"/>
      <c r="I25" s="772"/>
      <c r="J25" s="772"/>
      <c r="K25" s="772"/>
      <c r="L25" s="772"/>
      <c r="M25" s="772"/>
      <c r="N25" s="772"/>
      <c r="O25" s="772"/>
      <c r="P25" s="10"/>
      <c r="Q25" s="889"/>
      <c r="R25" s="831" t="s">
        <v>94</v>
      </c>
      <c r="S25" s="823" t="s">
        <v>95</v>
      </c>
      <c r="T25" s="824"/>
      <c r="U25" s="823" t="s">
        <v>96</v>
      </c>
      <c r="V25" s="824"/>
      <c r="W25" s="823" t="s">
        <v>97</v>
      </c>
      <c r="X25" s="824"/>
      <c r="Y25" s="831" t="s">
        <v>94</v>
      </c>
      <c r="Z25" s="823" t="s">
        <v>95</v>
      </c>
      <c r="AA25" s="824"/>
      <c r="AB25" s="823" t="s">
        <v>96</v>
      </c>
      <c r="AC25" s="824"/>
      <c r="AD25" s="823" t="s">
        <v>97</v>
      </c>
      <c r="AE25" s="833"/>
      <c r="AF25" s="772"/>
      <c r="AG25" s="772"/>
      <c r="AH25" s="772"/>
      <c r="AI25" s="772"/>
      <c r="AJ25" s="772"/>
      <c r="AK25" s="772"/>
      <c r="AL25" s="773"/>
      <c r="AM25" s="768"/>
      <c r="AN25" s="769"/>
      <c r="AO25" s="769"/>
      <c r="AP25" s="769"/>
      <c r="AQ25" s="769"/>
      <c r="AR25" s="770"/>
      <c r="AS25" s="774" t="s">
        <v>98</v>
      </c>
      <c r="AT25" s="775"/>
      <c r="AU25" s="775"/>
      <c r="AV25" s="775"/>
      <c r="AW25" s="775"/>
      <c r="AX25" s="776"/>
      <c r="AY25" s="777" t="s">
        <v>216</v>
      </c>
      <c r="AZ25" s="778"/>
      <c r="BA25" s="778"/>
      <c r="BB25" s="778"/>
      <c r="BC25" s="778"/>
      <c r="BD25" s="779"/>
      <c r="BE25" s="780" t="s">
        <v>217</v>
      </c>
      <c r="BF25" s="781"/>
      <c r="BG25" s="781"/>
      <c r="BH25" s="781"/>
      <c r="BI25" s="781"/>
      <c r="BJ25" s="782"/>
      <c r="BK25" s="771" t="s">
        <v>99</v>
      </c>
      <c r="BL25" s="772"/>
      <c r="BM25" s="772"/>
      <c r="BN25" s="772"/>
      <c r="BO25" s="772"/>
      <c r="BP25" s="772"/>
      <c r="BQ25" s="773"/>
      <c r="BR25" s="771"/>
      <c r="BS25" s="772"/>
      <c r="BT25" s="772"/>
      <c r="BU25" s="772"/>
      <c r="BV25" s="772"/>
      <c r="BW25" s="772"/>
      <c r="BX25" s="772"/>
      <c r="BY25" s="773"/>
      <c r="BZ25" s="767"/>
      <c r="CA25" s="32"/>
      <c r="CB25" s="32"/>
    </row>
    <row r="26" spans="1:84" ht="13.95" customHeight="1" x14ac:dyDescent="0.2">
      <c r="D26" s="293"/>
      <c r="E26" s="772"/>
      <c r="F26" s="772"/>
      <c r="G26" s="772"/>
      <c r="H26" s="772"/>
      <c r="I26" s="772"/>
      <c r="J26" s="772"/>
      <c r="K26" s="772"/>
      <c r="L26" s="772"/>
      <c r="M26" s="772"/>
      <c r="N26" s="772"/>
      <c r="O26" s="772"/>
      <c r="P26" s="10"/>
      <c r="Q26" s="889"/>
      <c r="R26" s="832"/>
      <c r="S26" s="771"/>
      <c r="T26" s="773"/>
      <c r="U26" s="771"/>
      <c r="V26" s="773"/>
      <c r="W26" s="771"/>
      <c r="X26" s="773"/>
      <c r="Y26" s="832"/>
      <c r="Z26" s="771"/>
      <c r="AA26" s="773"/>
      <c r="AB26" s="771"/>
      <c r="AC26" s="773"/>
      <c r="AD26" s="771"/>
      <c r="AE26" s="834"/>
      <c r="AF26" s="775" t="s">
        <v>100</v>
      </c>
      <c r="AG26" s="775"/>
      <c r="AH26" s="775"/>
      <c r="AI26" s="775"/>
      <c r="AJ26" s="775"/>
      <c r="AK26" s="775"/>
      <c r="AL26" s="776"/>
      <c r="AM26" s="783" t="s">
        <v>220</v>
      </c>
      <c r="AN26" s="784"/>
      <c r="AO26" s="784"/>
      <c r="AP26" s="784"/>
      <c r="AQ26" s="784"/>
      <c r="AR26" s="785"/>
      <c r="AS26" s="774"/>
      <c r="AT26" s="775"/>
      <c r="AU26" s="775"/>
      <c r="AV26" s="775"/>
      <c r="AW26" s="775"/>
      <c r="AX26" s="776"/>
      <c r="AY26" s="777"/>
      <c r="AZ26" s="778"/>
      <c r="BA26" s="778"/>
      <c r="BB26" s="778"/>
      <c r="BC26" s="778"/>
      <c r="BD26" s="779"/>
      <c r="BE26" s="780"/>
      <c r="BF26" s="781"/>
      <c r="BG26" s="781"/>
      <c r="BH26" s="781"/>
      <c r="BI26" s="781"/>
      <c r="BJ26" s="782"/>
      <c r="BK26" s="771"/>
      <c r="BL26" s="772"/>
      <c r="BM26" s="772"/>
      <c r="BN26" s="772"/>
      <c r="BO26" s="772"/>
      <c r="BP26" s="772"/>
      <c r="BQ26" s="773"/>
      <c r="BR26" s="771" t="s">
        <v>101</v>
      </c>
      <c r="BS26" s="772"/>
      <c r="BT26" s="772"/>
      <c r="BU26" s="772"/>
      <c r="BV26" s="772"/>
      <c r="BW26" s="772"/>
      <c r="BX26" s="772"/>
      <c r="BY26" s="773"/>
      <c r="BZ26" s="767"/>
      <c r="CA26" s="32"/>
      <c r="CB26" s="32"/>
    </row>
    <row r="27" spans="1:84" ht="9" customHeight="1" x14ac:dyDescent="0.2">
      <c r="D27" s="293"/>
      <c r="E27" s="885" t="s">
        <v>139</v>
      </c>
      <c r="F27" s="886"/>
      <c r="G27" s="886"/>
      <c r="H27" s="886"/>
      <c r="I27" s="886"/>
      <c r="J27" s="886"/>
      <c r="K27" s="886"/>
      <c r="L27" s="886"/>
      <c r="M27" s="886"/>
      <c r="N27" s="886"/>
      <c r="O27" s="9"/>
      <c r="P27" s="10"/>
      <c r="Q27" s="889"/>
      <c r="R27" s="832"/>
      <c r="S27" s="771"/>
      <c r="T27" s="773"/>
      <c r="U27" s="771"/>
      <c r="V27" s="773"/>
      <c r="W27" s="771"/>
      <c r="X27" s="773"/>
      <c r="Y27" s="832"/>
      <c r="Z27" s="771"/>
      <c r="AA27" s="773"/>
      <c r="AB27" s="771"/>
      <c r="AC27" s="773"/>
      <c r="AD27" s="771"/>
      <c r="AE27" s="834"/>
      <c r="AF27" s="775"/>
      <c r="AG27" s="775"/>
      <c r="AH27" s="775"/>
      <c r="AI27" s="775"/>
      <c r="AJ27" s="775"/>
      <c r="AK27" s="775"/>
      <c r="AL27" s="776"/>
      <c r="AM27" s="783"/>
      <c r="AN27" s="784"/>
      <c r="AO27" s="784"/>
      <c r="AP27" s="784"/>
      <c r="AQ27" s="784"/>
      <c r="AR27" s="785"/>
      <c r="AS27" s="18"/>
      <c r="AT27" s="14"/>
      <c r="AU27" s="14"/>
      <c r="AV27" s="14"/>
      <c r="AW27" s="14"/>
      <c r="AX27" s="19"/>
      <c r="AY27" s="9"/>
      <c r="AZ27" s="9"/>
      <c r="BA27" s="9"/>
      <c r="BB27" s="9"/>
      <c r="BC27" s="9"/>
      <c r="BD27" s="10"/>
      <c r="BE27" s="9"/>
      <c r="BF27" s="9"/>
      <c r="BG27" s="9"/>
      <c r="BH27" s="9"/>
      <c r="BI27" s="9"/>
      <c r="BJ27" s="10"/>
      <c r="BK27" s="17"/>
      <c r="BL27" s="9"/>
      <c r="BM27" s="9"/>
      <c r="BN27" s="9"/>
      <c r="BO27" s="9"/>
      <c r="BP27" s="9"/>
      <c r="BQ27" s="9"/>
      <c r="BR27" s="771"/>
      <c r="BS27" s="772"/>
      <c r="BT27" s="772"/>
      <c r="BU27" s="772"/>
      <c r="BV27" s="772"/>
      <c r="BW27" s="772"/>
      <c r="BX27" s="772"/>
      <c r="BY27" s="773"/>
      <c r="BZ27" s="767"/>
      <c r="CA27" s="32"/>
      <c r="CB27" s="32"/>
    </row>
    <row r="28" spans="1:84" ht="0.45" customHeight="1" x14ac:dyDescent="0.2">
      <c r="D28" s="294">
        <v>13</v>
      </c>
      <c r="E28" s="887"/>
      <c r="F28" s="887"/>
      <c r="G28" s="887"/>
      <c r="H28" s="887"/>
      <c r="I28" s="887"/>
      <c r="J28" s="887"/>
      <c r="K28" s="887"/>
      <c r="L28" s="887"/>
      <c r="M28" s="887"/>
      <c r="N28" s="887"/>
      <c r="O28" s="14"/>
      <c r="P28" s="13">
        <v>25</v>
      </c>
      <c r="Q28" s="289">
        <v>26</v>
      </c>
      <c r="R28" s="26">
        <v>27</v>
      </c>
      <c r="S28" s="12">
        <v>28</v>
      </c>
      <c r="T28" s="13">
        <v>29</v>
      </c>
      <c r="U28" s="12">
        <v>30</v>
      </c>
      <c r="V28" s="13">
        <v>31</v>
      </c>
      <c r="W28" s="12">
        <v>32</v>
      </c>
      <c r="X28" s="13">
        <v>33</v>
      </c>
      <c r="Y28" s="26">
        <v>34</v>
      </c>
      <c r="Z28" s="12">
        <v>35</v>
      </c>
      <c r="AA28" s="13">
        <v>36</v>
      </c>
      <c r="AB28" s="12">
        <v>37</v>
      </c>
      <c r="AC28" s="13">
        <v>38</v>
      </c>
      <c r="AD28" s="12">
        <v>39</v>
      </c>
      <c r="AE28" s="295">
        <v>40</v>
      </c>
      <c r="AF28" s="28">
        <v>41</v>
      </c>
      <c r="AG28" s="27"/>
      <c r="AH28" s="27"/>
      <c r="AI28" s="27"/>
      <c r="AJ28" s="27"/>
      <c r="AK28" s="27"/>
      <c r="AL28" s="13">
        <v>47</v>
      </c>
      <c r="AM28" s="24"/>
      <c r="AN28" s="24"/>
      <c r="AO28" s="24"/>
      <c r="AP28" s="24"/>
      <c r="AQ28" s="24"/>
      <c r="AR28" s="24"/>
      <c r="AS28" s="27"/>
      <c r="AT28" s="27"/>
      <c r="AU28" s="27"/>
      <c r="AV28" s="27"/>
      <c r="AW28" s="27"/>
      <c r="AX28" s="13">
        <v>54</v>
      </c>
      <c r="AY28" s="27"/>
      <c r="AZ28" s="27"/>
      <c r="BA28" s="27"/>
      <c r="BB28" s="27"/>
      <c r="BC28" s="27"/>
      <c r="BD28" s="13">
        <v>61</v>
      </c>
      <c r="BE28" s="27"/>
      <c r="BF28" s="27"/>
      <c r="BG28" s="27"/>
      <c r="BH28" s="27"/>
      <c r="BI28" s="27"/>
      <c r="BJ28" s="13">
        <v>68</v>
      </c>
      <c r="BK28" s="12">
        <v>69</v>
      </c>
      <c r="BL28" s="27"/>
      <c r="BM28" s="27"/>
      <c r="BN28" s="27"/>
      <c r="BO28" s="27"/>
      <c r="BP28" s="27"/>
      <c r="BQ28" s="24">
        <v>75</v>
      </c>
      <c r="BR28" s="12">
        <v>76</v>
      </c>
      <c r="BS28" s="27"/>
      <c r="BT28" s="27"/>
      <c r="BU28" s="27"/>
      <c r="BV28" s="27"/>
      <c r="BW28" s="27"/>
      <c r="BX28" s="24"/>
      <c r="BY28" s="13">
        <v>83</v>
      </c>
      <c r="BZ28" s="26">
        <v>84</v>
      </c>
      <c r="CA28" s="35"/>
      <c r="CB28" s="35"/>
      <c r="CC28" s="36"/>
      <c r="CD28" s="36"/>
      <c r="CE28" s="36"/>
      <c r="CF28" s="36"/>
    </row>
    <row r="29" spans="1:84" ht="8.25" customHeight="1" x14ac:dyDescent="0.2">
      <c r="D29" s="882"/>
      <c r="E29" s="799"/>
      <c r="F29" s="799"/>
      <c r="G29" s="799"/>
      <c r="H29" s="799"/>
      <c r="I29" s="799"/>
      <c r="J29" s="799"/>
      <c r="K29" s="799"/>
      <c r="L29" s="799"/>
      <c r="M29" s="799"/>
      <c r="N29" s="799"/>
      <c r="O29" s="799"/>
      <c r="P29" s="802"/>
      <c r="Q29" s="760"/>
      <c r="R29" s="760"/>
      <c r="S29" s="835"/>
      <c r="T29" s="802"/>
      <c r="U29" s="835"/>
      <c r="V29" s="802"/>
      <c r="W29" s="835"/>
      <c r="X29" s="802"/>
      <c r="Y29" s="760"/>
      <c r="Z29" s="835"/>
      <c r="AA29" s="802"/>
      <c r="AB29" s="835"/>
      <c r="AC29" s="802"/>
      <c r="AD29" s="835"/>
      <c r="AE29" s="851"/>
      <c r="AF29" s="854"/>
      <c r="AG29" s="754"/>
      <c r="AH29" s="748"/>
      <c r="AI29" s="37" t="s">
        <v>102</v>
      </c>
      <c r="AJ29" s="754"/>
      <c r="AK29" s="748"/>
      <c r="AL29" s="37" t="s">
        <v>103</v>
      </c>
      <c r="AM29" s="754"/>
      <c r="AN29" s="748"/>
      <c r="AO29" s="37" t="s">
        <v>102</v>
      </c>
      <c r="AP29" s="754"/>
      <c r="AQ29" s="748"/>
      <c r="AR29" s="37" t="s">
        <v>103</v>
      </c>
      <c r="AS29" s="754"/>
      <c r="AT29" s="748"/>
      <c r="AU29" s="37" t="s">
        <v>102</v>
      </c>
      <c r="AV29" s="754"/>
      <c r="AW29" s="748"/>
      <c r="AX29" s="37" t="s">
        <v>103</v>
      </c>
      <c r="AY29" s="754"/>
      <c r="AZ29" s="748"/>
      <c r="BA29" s="37" t="s">
        <v>102</v>
      </c>
      <c r="BB29" s="754"/>
      <c r="BC29" s="748"/>
      <c r="BD29" s="37" t="s">
        <v>103</v>
      </c>
      <c r="BE29" s="754"/>
      <c r="BF29" s="748"/>
      <c r="BG29" s="37" t="s">
        <v>102</v>
      </c>
      <c r="BH29" s="754"/>
      <c r="BI29" s="748"/>
      <c r="BJ29" s="37" t="s">
        <v>103</v>
      </c>
      <c r="BK29" s="751"/>
      <c r="BL29" s="754"/>
      <c r="BM29" s="748"/>
      <c r="BN29" s="37" t="s">
        <v>102</v>
      </c>
      <c r="BO29" s="754"/>
      <c r="BP29" s="748"/>
      <c r="BQ29" s="38" t="s">
        <v>103</v>
      </c>
      <c r="BR29" s="754"/>
      <c r="BS29" s="765"/>
      <c r="BT29" s="754"/>
      <c r="BU29" s="757"/>
      <c r="BV29" s="39" t="s">
        <v>102</v>
      </c>
      <c r="BW29" s="754"/>
      <c r="BX29" s="757"/>
      <c r="BY29" s="39" t="s">
        <v>103</v>
      </c>
      <c r="BZ29" s="760"/>
      <c r="CA29" s="9"/>
      <c r="CB29" s="9"/>
    </row>
    <row r="30" spans="1:84" ht="8.25" customHeight="1" x14ac:dyDescent="0.2">
      <c r="D30" s="883"/>
      <c r="E30" s="800"/>
      <c r="F30" s="800"/>
      <c r="G30" s="800"/>
      <c r="H30" s="800"/>
      <c r="I30" s="800"/>
      <c r="J30" s="800"/>
      <c r="K30" s="800"/>
      <c r="L30" s="800"/>
      <c r="M30" s="800"/>
      <c r="N30" s="800"/>
      <c r="O30" s="800"/>
      <c r="P30" s="803"/>
      <c r="Q30" s="761"/>
      <c r="R30" s="761"/>
      <c r="S30" s="836"/>
      <c r="T30" s="803"/>
      <c r="U30" s="836"/>
      <c r="V30" s="803"/>
      <c r="W30" s="836"/>
      <c r="X30" s="803"/>
      <c r="Y30" s="761"/>
      <c r="Z30" s="836"/>
      <c r="AA30" s="803"/>
      <c r="AB30" s="836"/>
      <c r="AC30" s="803"/>
      <c r="AD30" s="836"/>
      <c r="AE30" s="852"/>
      <c r="AF30" s="855"/>
      <c r="AG30" s="755"/>
      <c r="AH30" s="749"/>
      <c r="AI30" s="763"/>
      <c r="AJ30" s="755"/>
      <c r="AK30" s="749"/>
      <c r="AL30" s="763"/>
      <c r="AM30" s="755"/>
      <c r="AN30" s="749"/>
      <c r="AO30" s="763"/>
      <c r="AP30" s="755"/>
      <c r="AQ30" s="749"/>
      <c r="AR30" s="763"/>
      <c r="AS30" s="755"/>
      <c r="AT30" s="749"/>
      <c r="AU30" s="763"/>
      <c r="AV30" s="755"/>
      <c r="AW30" s="749"/>
      <c r="AX30" s="763"/>
      <c r="AY30" s="755"/>
      <c r="AZ30" s="749"/>
      <c r="BA30" s="763"/>
      <c r="BB30" s="755"/>
      <c r="BC30" s="749"/>
      <c r="BD30" s="763"/>
      <c r="BE30" s="755"/>
      <c r="BF30" s="749"/>
      <c r="BG30" s="763"/>
      <c r="BH30" s="755"/>
      <c r="BI30" s="749"/>
      <c r="BJ30" s="763"/>
      <c r="BK30" s="752"/>
      <c r="BL30" s="755"/>
      <c r="BM30" s="749"/>
      <c r="BN30" s="763"/>
      <c r="BO30" s="755"/>
      <c r="BP30" s="749"/>
      <c r="BQ30" s="763"/>
      <c r="BR30" s="755"/>
      <c r="BS30" s="763"/>
      <c r="BT30" s="755"/>
      <c r="BU30" s="758"/>
      <c r="BV30" s="763"/>
      <c r="BW30" s="755"/>
      <c r="BX30" s="758"/>
      <c r="BY30" s="763"/>
      <c r="BZ30" s="761"/>
      <c r="CA30" s="9"/>
      <c r="CB30" s="9"/>
    </row>
    <row r="31" spans="1:84" ht="8.25" customHeight="1" thickBot="1" x14ac:dyDescent="0.25">
      <c r="D31" s="884"/>
      <c r="E31" s="877"/>
      <c r="F31" s="877"/>
      <c r="G31" s="877"/>
      <c r="H31" s="877"/>
      <c r="I31" s="877"/>
      <c r="J31" s="877"/>
      <c r="K31" s="877"/>
      <c r="L31" s="877"/>
      <c r="M31" s="877"/>
      <c r="N31" s="877"/>
      <c r="O31" s="877"/>
      <c r="P31" s="850"/>
      <c r="Q31" s="786"/>
      <c r="R31" s="786"/>
      <c r="S31" s="837"/>
      <c r="T31" s="850"/>
      <c r="U31" s="837"/>
      <c r="V31" s="850"/>
      <c r="W31" s="837"/>
      <c r="X31" s="850"/>
      <c r="Y31" s="786"/>
      <c r="Z31" s="837"/>
      <c r="AA31" s="850"/>
      <c r="AB31" s="837"/>
      <c r="AC31" s="850"/>
      <c r="AD31" s="837"/>
      <c r="AE31" s="853"/>
      <c r="AF31" s="856"/>
      <c r="AG31" s="756"/>
      <c r="AH31" s="750"/>
      <c r="AI31" s="764"/>
      <c r="AJ31" s="756"/>
      <c r="AK31" s="750"/>
      <c r="AL31" s="764"/>
      <c r="AM31" s="756"/>
      <c r="AN31" s="750"/>
      <c r="AO31" s="764"/>
      <c r="AP31" s="756"/>
      <c r="AQ31" s="750"/>
      <c r="AR31" s="764"/>
      <c r="AS31" s="756"/>
      <c r="AT31" s="750"/>
      <c r="AU31" s="764"/>
      <c r="AV31" s="756"/>
      <c r="AW31" s="750"/>
      <c r="AX31" s="764"/>
      <c r="AY31" s="756"/>
      <c r="AZ31" s="750"/>
      <c r="BA31" s="764"/>
      <c r="BB31" s="756"/>
      <c r="BC31" s="750"/>
      <c r="BD31" s="764"/>
      <c r="BE31" s="756"/>
      <c r="BF31" s="750"/>
      <c r="BG31" s="764"/>
      <c r="BH31" s="756"/>
      <c r="BI31" s="750"/>
      <c r="BJ31" s="764"/>
      <c r="BK31" s="753"/>
      <c r="BL31" s="756"/>
      <c r="BM31" s="750"/>
      <c r="BN31" s="764"/>
      <c r="BO31" s="756"/>
      <c r="BP31" s="750"/>
      <c r="BQ31" s="764"/>
      <c r="BR31" s="756"/>
      <c r="BS31" s="764"/>
      <c r="BT31" s="756"/>
      <c r="BU31" s="759"/>
      <c r="BV31" s="764"/>
      <c r="BW31" s="756"/>
      <c r="BX31" s="759"/>
      <c r="BY31" s="764"/>
      <c r="BZ31" s="762"/>
      <c r="CA31" s="9"/>
      <c r="CB31" s="9"/>
    </row>
    <row r="32" spans="1:84" ht="9" customHeight="1" thickBot="1" x14ac:dyDescent="0.25"/>
    <row r="33" spans="1:84" ht="8.25" customHeight="1" x14ac:dyDescent="0.2">
      <c r="A33" s="15"/>
      <c r="B33" s="7"/>
      <c r="C33" s="8"/>
      <c r="D33" s="291"/>
      <c r="E33" s="292"/>
      <c r="F33" s="292"/>
      <c r="G33" s="292"/>
      <c r="H33" s="292"/>
      <c r="I33" s="292"/>
      <c r="J33" s="292"/>
      <c r="K33" s="292"/>
      <c r="L33" s="292"/>
      <c r="M33" s="292"/>
      <c r="N33" s="292"/>
      <c r="O33" s="292"/>
      <c r="P33" s="292"/>
      <c r="Q33" s="292"/>
      <c r="R33" s="292"/>
      <c r="S33" s="302"/>
      <c r="T33" s="878" t="s">
        <v>62</v>
      </c>
      <c r="U33" s="873"/>
      <c r="V33" s="873"/>
      <c r="W33" s="873"/>
      <c r="X33" s="879"/>
      <c r="Y33" s="895" t="s">
        <v>63</v>
      </c>
      <c r="Z33" s="896"/>
      <c r="AA33" s="896"/>
      <c r="AB33" s="896"/>
      <c r="AC33" s="896"/>
      <c r="AD33" s="896"/>
      <c r="AE33" s="896"/>
      <c r="AF33" s="896"/>
      <c r="AG33" s="896"/>
      <c r="AH33" s="896"/>
      <c r="AI33" s="896"/>
      <c r="AJ33" s="896"/>
      <c r="AK33" s="896"/>
      <c r="AL33" s="896"/>
      <c r="AM33" s="896"/>
      <c r="AN33" s="896"/>
      <c r="AO33" s="897"/>
      <c r="AP33" s="823" t="s">
        <v>64</v>
      </c>
      <c r="AQ33" s="818"/>
      <c r="AR33" s="818"/>
      <c r="AS33" s="818"/>
      <c r="AT33" s="818"/>
      <c r="AU33" s="818"/>
      <c r="AV33" s="818"/>
      <c r="AW33" s="818"/>
      <c r="AX33" s="818"/>
      <c r="AY33" s="818"/>
      <c r="AZ33" s="818"/>
      <c r="BA33" s="818"/>
      <c r="BB33" s="818"/>
      <c r="BC33" s="818"/>
      <c r="BD33" s="813" t="s">
        <v>65</v>
      </c>
      <c r="BE33" s="814"/>
      <c r="BF33" s="814"/>
      <c r="BG33" s="814"/>
      <c r="BH33" s="814"/>
      <c r="BI33" s="815"/>
      <c r="BJ33" s="7"/>
      <c r="BK33" s="7"/>
      <c r="BL33" s="7"/>
      <c r="BM33" s="7"/>
      <c r="BN33" s="7"/>
      <c r="BO33" s="7"/>
      <c r="BP33" s="7"/>
      <c r="BQ33" s="816" t="s">
        <v>66</v>
      </c>
      <c r="BR33" s="818" t="s">
        <v>67</v>
      </c>
      <c r="BS33" s="818"/>
      <c r="BT33" s="818"/>
      <c r="BU33" s="818"/>
      <c r="BV33" s="818"/>
      <c r="BW33" s="818"/>
      <c r="BX33" s="818"/>
      <c r="BY33" s="818"/>
      <c r="BZ33" s="825" t="s">
        <v>68</v>
      </c>
      <c r="CA33" s="859" t="s">
        <v>69</v>
      </c>
    </row>
    <row r="34" spans="1:84" ht="8.25" customHeight="1" thickBot="1" x14ac:dyDescent="0.25">
      <c r="A34" s="869" t="s">
        <v>70</v>
      </c>
      <c r="B34" s="870"/>
      <c r="C34" s="871"/>
      <c r="D34" s="293"/>
      <c r="E34" s="9"/>
      <c r="F34" s="9"/>
      <c r="G34" s="9"/>
      <c r="H34" s="9"/>
      <c r="I34" s="9"/>
      <c r="J34" s="9"/>
      <c r="K34" s="9"/>
      <c r="L34" s="9"/>
      <c r="M34" s="9"/>
      <c r="N34" s="9"/>
      <c r="O34" s="9"/>
      <c r="P34" s="9"/>
      <c r="Q34" s="9"/>
      <c r="R34" s="9"/>
      <c r="S34" s="303"/>
      <c r="T34" s="880"/>
      <c r="U34" s="819"/>
      <c r="V34" s="819"/>
      <c r="W34" s="819"/>
      <c r="X34" s="881"/>
      <c r="Y34" s="898"/>
      <c r="Z34" s="898"/>
      <c r="AA34" s="898"/>
      <c r="AB34" s="898"/>
      <c r="AC34" s="898"/>
      <c r="AD34" s="898"/>
      <c r="AE34" s="898"/>
      <c r="AF34" s="898"/>
      <c r="AG34" s="898"/>
      <c r="AH34" s="898"/>
      <c r="AI34" s="898"/>
      <c r="AJ34" s="898"/>
      <c r="AK34" s="898"/>
      <c r="AL34" s="898"/>
      <c r="AM34" s="898"/>
      <c r="AN34" s="898"/>
      <c r="AO34" s="899"/>
      <c r="AP34" s="771"/>
      <c r="AQ34" s="819"/>
      <c r="AR34" s="819"/>
      <c r="AS34" s="819"/>
      <c r="AT34" s="819"/>
      <c r="AU34" s="819"/>
      <c r="AV34" s="819"/>
      <c r="AW34" s="819"/>
      <c r="AX34" s="819"/>
      <c r="AY34" s="819"/>
      <c r="AZ34" s="819"/>
      <c r="BA34" s="819"/>
      <c r="BB34" s="819"/>
      <c r="BC34" s="819"/>
      <c r="BD34" s="820" t="s">
        <v>71</v>
      </c>
      <c r="BE34" s="821"/>
      <c r="BF34" s="821"/>
      <c r="BG34" s="821"/>
      <c r="BH34" s="821"/>
      <c r="BI34" s="822"/>
      <c r="BJ34" s="772" t="s">
        <v>72</v>
      </c>
      <c r="BK34" s="772"/>
      <c r="BL34" s="772"/>
      <c r="BM34" s="772"/>
      <c r="BN34" s="772"/>
      <c r="BO34" s="772"/>
      <c r="BP34" s="772"/>
      <c r="BQ34" s="817"/>
      <c r="BR34" s="772"/>
      <c r="BS34" s="819"/>
      <c r="BT34" s="819"/>
      <c r="BU34" s="819"/>
      <c r="BV34" s="819"/>
      <c r="BW34" s="819"/>
      <c r="BX34" s="819"/>
      <c r="BY34" s="819"/>
      <c r="BZ34" s="826"/>
      <c r="CA34" s="860"/>
    </row>
    <row r="35" spans="1:84" ht="8.25" customHeight="1" x14ac:dyDescent="0.2">
      <c r="A35" s="869"/>
      <c r="B35" s="870"/>
      <c r="C35" s="871"/>
      <c r="D35" s="293"/>
      <c r="E35" s="9"/>
      <c r="F35" s="772" t="s">
        <v>73</v>
      </c>
      <c r="G35" s="772"/>
      <c r="H35" s="772"/>
      <c r="I35" s="772"/>
      <c r="J35" s="772"/>
      <c r="K35" s="772"/>
      <c r="L35" s="772"/>
      <c r="M35" s="772"/>
      <c r="N35" s="772"/>
      <c r="O35" s="772"/>
      <c r="P35" s="772"/>
      <c r="Q35" s="772"/>
      <c r="R35" s="9"/>
      <c r="S35" s="303"/>
      <c r="T35" s="911" t="s">
        <v>74</v>
      </c>
      <c r="U35" s="818"/>
      <c r="V35" s="824"/>
      <c r="W35" s="891" t="s">
        <v>75</v>
      </c>
      <c r="X35" s="913"/>
      <c r="Y35" s="818" t="s">
        <v>76</v>
      </c>
      <c r="Z35" s="818"/>
      <c r="AA35" s="824"/>
      <c r="AB35" s="891" t="s">
        <v>75</v>
      </c>
      <c r="AC35" s="892"/>
      <c r="AD35" s="930" t="s">
        <v>77</v>
      </c>
      <c r="AE35" s="931"/>
      <c r="AF35" s="931"/>
      <c r="AG35" s="931"/>
      <c r="AH35" s="931"/>
      <c r="AI35" s="931"/>
      <c r="AJ35" s="931"/>
      <c r="AK35" s="932"/>
      <c r="AL35" s="890" t="s">
        <v>189</v>
      </c>
      <c r="AM35" s="839"/>
      <c r="AN35" s="839"/>
      <c r="AO35" s="839"/>
      <c r="AP35" s="816" t="s">
        <v>78</v>
      </c>
      <c r="AQ35" s="818" t="s">
        <v>79</v>
      </c>
      <c r="AR35" s="818"/>
      <c r="AS35" s="818"/>
      <c r="AT35" s="818"/>
      <c r="AU35" s="818"/>
      <c r="AV35" s="818"/>
      <c r="AW35" s="818"/>
      <c r="AX35" s="818"/>
      <c r="AY35" s="818"/>
      <c r="AZ35" s="818"/>
      <c r="BA35" s="818"/>
      <c r="BB35" s="818"/>
      <c r="BC35" s="818"/>
      <c r="BD35" s="830" t="s">
        <v>80</v>
      </c>
      <c r="BE35" s="787" t="s">
        <v>81</v>
      </c>
      <c r="BF35" s="857" t="s">
        <v>82</v>
      </c>
      <c r="BG35" s="787" t="s">
        <v>78</v>
      </c>
      <c r="BH35" s="857" t="s">
        <v>219</v>
      </c>
      <c r="BI35" s="868" t="s">
        <v>83</v>
      </c>
      <c r="BJ35" s="772"/>
      <c r="BK35" s="772"/>
      <c r="BL35" s="772"/>
      <c r="BM35" s="772"/>
      <c r="BN35" s="772"/>
      <c r="BO35" s="772"/>
      <c r="BP35" s="772"/>
      <c r="BQ35" s="817"/>
      <c r="BR35" s="816" t="s">
        <v>84</v>
      </c>
      <c r="BS35" s="818" t="s">
        <v>106</v>
      </c>
      <c r="BT35" s="818"/>
      <c r="BU35" s="818"/>
      <c r="BV35" s="818"/>
      <c r="BW35" s="818"/>
      <c r="BX35" s="818"/>
      <c r="BY35" s="818"/>
      <c r="BZ35" s="826"/>
      <c r="CA35" s="860"/>
    </row>
    <row r="36" spans="1:84" ht="8.25" customHeight="1" x14ac:dyDescent="0.2">
      <c r="A36" s="869"/>
      <c r="B36" s="870"/>
      <c r="C36" s="871"/>
      <c r="D36" s="293"/>
      <c r="E36" s="9"/>
      <c r="F36" s="772"/>
      <c r="G36" s="772"/>
      <c r="H36" s="772"/>
      <c r="I36" s="772"/>
      <c r="J36" s="772"/>
      <c r="K36" s="772"/>
      <c r="L36" s="772"/>
      <c r="M36" s="772"/>
      <c r="N36" s="772"/>
      <c r="O36" s="772"/>
      <c r="P36" s="772"/>
      <c r="Q36" s="772"/>
      <c r="R36" s="9"/>
      <c r="S36" s="303"/>
      <c r="T36" s="912"/>
      <c r="U36" s="772"/>
      <c r="V36" s="773"/>
      <c r="W36" s="893"/>
      <c r="X36" s="914"/>
      <c r="Y36" s="772"/>
      <c r="Z36" s="772"/>
      <c r="AA36" s="773"/>
      <c r="AB36" s="893"/>
      <c r="AC36" s="894"/>
      <c r="AD36" s="933"/>
      <c r="AE36" s="934"/>
      <c r="AF36" s="934"/>
      <c r="AG36" s="934"/>
      <c r="AH36" s="934"/>
      <c r="AI36" s="934"/>
      <c r="AJ36" s="934"/>
      <c r="AK36" s="935"/>
      <c r="AL36" s="840"/>
      <c r="AM36" s="841"/>
      <c r="AN36" s="841"/>
      <c r="AO36" s="842"/>
      <c r="AP36" s="817"/>
      <c r="AQ36" s="772"/>
      <c r="AR36" s="772"/>
      <c r="AS36" s="772"/>
      <c r="AT36" s="772"/>
      <c r="AU36" s="772"/>
      <c r="AV36" s="772"/>
      <c r="AW36" s="772"/>
      <c r="AX36" s="772"/>
      <c r="AY36" s="772"/>
      <c r="AZ36" s="772"/>
      <c r="BA36" s="772"/>
      <c r="BB36" s="772"/>
      <c r="BC36" s="772"/>
      <c r="BD36" s="826"/>
      <c r="BE36" s="788"/>
      <c r="BF36" s="858"/>
      <c r="BG36" s="788"/>
      <c r="BH36" s="858"/>
      <c r="BI36" s="860"/>
      <c r="BJ36" s="772" t="s">
        <v>85</v>
      </c>
      <c r="BK36" s="772"/>
      <c r="BL36" s="772"/>
      <c r="BM36" s="772"/>
      <c r="BN36" s="772"/>
      <c r="BO36" s="772"/>
      <c r="BP36" s="772"/>
      <c r="BQ36" s="817"/>
      <c r="BR36" s="817"/>
      <c r="BS36" s="772"/>
      <c r="BT36" s="772"/>
      <c r="BU36" s="772"/>
      <c r="BV36" s="772"/>
      <c r="BW36" s="772"/>
      <c r="BX36" s="772"/>
      <c r="BY36" s="772"/>
      <c r="BZ36" s="826"/>
      <c r="CA36" s="860"/>
    </row>
    <row r="37" spans="1:84" ht="8.25" customHeight="1" x14ac:dyDescent="0.2">
      <c r="A37" s="869"/>
      <c r="B37" s="870"/>
      <c r="C37" s="871"/>
      <c r="D37" s="293"/>
      <c r="E37" s="9"/>
      <c r="F37" s="9"/>
      <c r="G37" s="9"/>
      <c r="H37" s="9"/>
      <c r="I37" s="9"/>
      <c r="J37" s="9"/>
      <c r="K37" s="9"/>
      <c r="L37" s="9"/>
      <c r="M37" s="9"/>
      <c r="N37" s="9"/>
      <c r="O37" s="9"/>
      <c r="P37" s="9"/>
      <c r="Q37" s="9"/>
      <c r="R37" s="9"/>
      <c r="S37" s="303"/>
      <c r="T37" s="912"/>
      <c r="U37" s="772"/>
      <c r="V37" s="773"/>
      <c r="W37" s="893"/>
      <c r="X37" s="914"/>
      <c r="Y37" s="772"/>
      <c r="Z37" s="772"/>
      <c r="AA37" s="773"/>
      <c r="AB37" s="893"/>
      <c r="AC37" s="894"/>
      <c r="AD37" s="933"/>
      <c r="AE37" s="934"/>
      <c r="AF37" s="934"/>
      <c r="AG37" s="934"/>
      <c r="AH37" s="934"/>
      <c r="AI37" s="934"/>
      <c r="AJ37" s="934"/>
      <c r="AK37" s="935"/>
      <c r="AL37" s="840"/>
      <c r="AM37" s="841"/>
      <c r="AN37" s="841"/>
      <c r="AO37" s="842"/>
      <c r="AP37" s="817"/>
      <c r="AQ37" s="772"/>
      <c r="AR37" s="772"/>
      <c r="AS37" s="772"/>
      <c r="AT37" s="772"/>
      <c r="AU37" s="772"/>
      <c r="AV37" s="772"/>
      <c r="AW37" s="772"/>
      <c r="AX37" s="772"/>
      <c r="AY37" s="772"/>
      <c r="AZ37" s="772"/>
      <c r="BA37" s="772"/>
      <c r="BB37" s="772"/>
      <c r="BC37" s="772"/>
      <c r="BD37" s="826"/>
      <c r="BE37" s="788"/>
      <c r="BF37" s="858"/>
      <c r="BG37" s="788"/>
      <c r="BH37" s="858"/>
      <c r="BI37" s="860"/>
      <c r="BJ37" s="772"/>
      <c r="BK37" s="772"/>
      <c r="BL37" s="772"/>
      <c r="BM37" s="772"/>
      <c r="BN37" s="772"/>
      <c r="BO37" s="772"/>
      <c r="BP37" s="772"/>
      <c r="BQ37" s="817"/>
      <c r="BR37" s="817"/>
      <c r="BS37" s="772"/>
      <c r="BT37" s="772"/>
      <c r="BU37" s="772"/>
      <c r="BV37" s="772"/>
      <c r="BW37" s="772"/>
      <c r="BX37" s="772"/>
      <c r="BY37" s="772"/>
      <c r="BZ37" s="826"/>
      <c r="CA37" s="860"/>
    </row>
    <row r="38" spans="1:84" ht="8.25" hidden="1" customHeight="1" x14ac:dyDescent="0.2">
      <c r="A38" s="12">
        <v>8</v>
      </c>
      <c r="B38" s="14"/>
      <c r="C38" s="13">
        <v>10</v>
      </c>
      <c r="D38" s="294">
        <v>13</v>
      </c>
      <c r="E38" s="14"/>
      <c r="F38" s="14"/>
      <c r="G38" s="14"/>
      <c r="H38" s="14"/>
      <c r="I38" s="14"/>
      <c r="J38" s="14"/>
      <c r="K38" s="14"/>
      <c r="L38" s="14"/>
      <c r="M38" s="14"/>
      <c r="N38" s="14"/>
      <c r="O38" s="14"/>
      <c r="P38" s="14"/>
      <c r="Q38" s="14"/>
      <c r="R38" s="14"/>
      <c r="S38" s="295">
        <v>28</v>
      </c>
      <c r="T38" s="296"/>
      <c r="U38" s="288"/>
      <c r="V38" s="288"/>
      <c r="W38" s="12">
        <v>29</v>
      </c>
      <c r="X38" s="295">
        <v>30</v>
      </c>
      <c r="Y38" s="288"/>
      <c r="Z38" s="22"/>
      <c r="AA38" s="22"/>
      <c r="AB38" s="12">
        <v>31</v>
      </c>
      <c r="AC38" s="13">
        <v>32</v>
      </c>
      <c r="AD38" s="25"/>
      <c r="AE38" s="25"/>
      <c r="AF38" s="25"/>
      <c r="AG38" s="25"/>
      <c r="AH38" s="21"/>
      <c r="AI38" s="22"/>
      <c r="AJ38" s="22"/>
      <c r="AK38" s="23"/>
      <c r="AL38" s="811" t="s">
        <v>104</v>
      </c>
      <c r="AM38" s="812"/>
      <c r="AN38" s="812"/>
      <c r="AO38" s="812"/>
      <c r="AP38" s="297">
        <v>33</v>
      </c>
      <c r="AQ38" s="28">
        <v>34</v>
      </c>
      <c r="AR38" s="27"/>
      <c r="AS38" s="24">
        <v>36</v>
      </c>
      <c r="AT38" s="27"/>
      <c r="AU38" s="28">
        <v>37</v>
      </c>
      <c r="AV38" s="27"/>
      <c r="AW38" s="24">
        <v>39</v>
      </c>
      <c r="AX38" s="27"/>
      <c r="AY38" s="28">
        <v>40</v>
      </c>
      <c r="AZ38" s="27"/>
      <c r="BA38" s="27"/>
      <c r="BB38" s="27"/>
      <c r="BC38" s="24">
        <v>44</v>
      </c>
      <c r="BD38" s="796">
        <v>45</v>
      </c>
      <c r="BE38" s="797"/>
      <c r="BF38" s="798">
        <v>46</v>
      </c>
      <c r="BG38" s="797"/>
      <c r="BH38" s="12">
        <v>47</v>
      </c>
      <c r="BI38" s="295">
        <v>48</v>
      </c>
      <c r="BJ38" s="14"/>
      <c r="BK38" s="14"/>
      <c r="BL38" s="14"/>
      <c r="BM38" s="14"/>
      <c r="BN38" s="14"/>
      <c r="BO38" s="14"/>
      <c r="BP38" s="14"/>
      <c r="BQ38" s="297">
        <v>49</v>
      </c>
      <c r="BR38" s="297">
        <v>50</v>
      </c>
      <c r="BS38" s="287"/>
      <c r="BT38" s="40"/>
      <c r="BU38" s="40"/>
      <c r="BV38" s="40"/>
      <c r="BW38" s="40"/>
      <c r="BX38" s="40"/>
      <c r="BY38" s="287"/>
      <c r="BZ38" s="796">
        <v>51</v>
      </c>
      <c r="CA38" s="861"/>
    </row>
    <row r="39" spans="1:84" ht="8.25" customHeight="1" x14ac:dyDescent="0.2">
      <c r="A39" s="844"/>
      <c r="B39" s="938"/>
      <c r="C39" s="847"/>
      <c r="D39" s="944"/>
      <c r="E39" s="915"/>
      <c r="F39" s="915"/>
      <c r="G39" s="915"/>
      <c r="H39" s="915"/>
      <c r="I39" s="915"/>
      <c r="J39" s="915"/>
      <c r="K39" s="915"/>
      <c r="L39" s="915"/>
      <c r="M39" s="915"/>
      <c r="N39" s="915"/>
      <c r="O39" s="915"/>
      <c r="P39" s="915"/>
      <c r="Q39" s="915"/>
      <c r="R39" s="915"/>
      <c r="S39" s="988"/>
      <c r="T39" s="947"/>
      <c r="U39" s="924"/>
      <c r="V39" s="925"/>
      <c r="W39" s="844"/>
      <c r="X39" s="941"/>
      <c r="Y39" s="924"/>
      <c r="Z39" s="924"/>
      <c r="AA39" s="925"/>
      <c r="AB39" s="844"/>
      <c r="AC39" s="847"/>
      <c r="AD39" s="891"/>
      <c r="AE39" s="919"/>
      <c r="AF39" s="919"/>
      <c r="AG39" s="919"/>
      <c r="AH39" s="919"/>
      <c r="AI39" s="919"/>
      <c r="AJ39" s="919"/>
      <c r="AK39" s="892"/>
      <c r="AL39" s="838"/>
      <c r="AM39" s="839"/>
      <c r="AN39" s="839"/>
      <c r="AO39" s="839"/>
      <c r="AP39" s="789"/>
      <c r="AQ39" s="953"/>
      <c r="AR39" s="799"/>
      <c r="AS39" s="802"/>
      <c r="AT39" s="29"/>
      <c r="AU39" s="835"/>
      <c r="AV39" s="799"/>
      <c r="AW39" s="802"/>
      <c r="AX39" s="29"/>
      <c r="AY39" s="835"/>
      <c r="AZ39" s="799"/>
      <c r="BA39" s="799"/>
      <c r="BB39" s="799"/>
      <c r="BC39" s="862"/>
      <c r="BD39" s="827"/>
      <c r="BE39" s="865"/>
      <c r="BF39" s="805"/>
      <c r="BG39" s="865"/>
      <c r="BH39" s="805"/>
      <c r="BI39" s="806"/>
      <c r="BJ39" s="792"/>
      <c r="BK39" s="792"/>
      <c r="BL39" s="792"/>
      <c r="BM39" s="792"/>
      <c r="BN39" s="792"/>
      <c r="BO39" s="792"/>
      <c r="BP39" s="792"/>
      <c r="BQ39" s="789"/>
      <c r="BR39" s="298"/>
      <c r="BS39" s="792"/>
      <c r="BT39" s="792"/>
      <c r="BU39" s="792"/>
      <c r="BV39" s="792"/>
      <c r="BW39" s="792"/>
      <c r="BX39" s="792"/>
      <c r="BY39" s="792"/>
      <c r="BZ39" s="827"/>
      <c r="CA39" s="806"/>
    </row>
    <row r="40" spans="1:84" ht="8.25" customHeight="1" x14ac:dyDescent="0.2">
      <c r="A40" s="845"/>
      <c r="B40" s="939"/>
      <c r="C40" s="848"/>
      <c r="D40" s="945"/>
      <c r="E40" s="916"/>
      <c r="F40" s="916"/>
      <c r="G40" s="916"/>
      <c r="H40" s="916"/>
      <c r="I40" s="916"/>
      <c r="J40" s="916"/>
      <c r="K40" s="916"/>
      <c r="L40" s="916"/>
      <c r="M40" s="916"/>
      <c r="N40" s="916"/>
      <c r="O40" s="916"/>
      <c r="P40" s="916"/>
      <c r="Q40" s="916"/>
      <c r="R40" s="916"/>
      <c r="S40" s="989"/>
      <c r="T40" s="948"/>
      <c r="U40" s="926"/>
      <c r="V40" s="927"/>
      <c r="W40" s="845"/>
      <c r="X40" s="942"/>
      <c r="Y40" s="926"/>
      <c r="Z40" s="926"/>
      <c r="AA40" s="927"/>
      <c r="AB40" s="845"/>
      <c r="AC40" s="848"/>
      <c r="AD40" s="893"/>
      <c r="AE40" s="920"/>
      <c r="AF40" s="920"/>
      <c r="AG40" s="920"/>
      <c r="AH40" s="920"/>
      <c r="AI40" s="920"/>
      <c r="AJ40" s="920"/>
      <c r="AK40" s="894"/>
      <c r="AL40" s="840"/>
      <c r="AM40" s="841"/>
      <c r="AN40" s="841"/>
      <c r="AO40" s="842"/>
      <c r="AP40" s="790"/>
      <c r="AQ40" s="954"/>
      <c r="AR40" s="800"/>
      <c r="AS40" s="803"/>
      <c r="AT40" s="30" t="s">
        <v>86</v>
      </c>
      <c r="AU40" s="836"/>
      <c r="AV40" s="800"/>
      <c r="AW40" s="803"/>
      <c r="AX40" s="30" t="s">
        <v>86</v>
      </c>
      <c r="AY40" s="836"/>
      <c r="AZ40" s="800"/>
      <c r="BA40" s="800"/>
      <c r="BB40" s="800"/>
      <c r="BC40" s="863"/>
      <c r="BD40" s="828"/>
      <c r="BE40" s="866"/>
      <c r="BF40" s="807"/>
      <c r="BG40" s="866"/>
      <c r="BH40" s="807"/>
      <c r="BI40" s="808"/>
      <c r="BJ40" s="793"/>
      <c r="BK40" s="793"/>
      <c r="BL40" s="793"/>
      <c r="BM40" s="793"/>
      <c r="BN40" s="793"/>
      <c r="BO40" s="793"/>
      <c r="BP40" s="793"/>
      <c r="BQ40" s="790"/>
      <c r="BR40" s="299"/>
      <c r="BS40" s="793"/>
      <c r="BT40" s="793"/>
      <c r="BU40" s="793"/>
      <c r="BV40" s="793"/>
      <c r="BW40" s="793"/>
      <c r="BX40" s="793"/>
      <c r="BY40" s="793"/>
      <c r="BZ40" s="828"/>
      <c r="CA40" s="808"/>
    </row>
    <row r="41" spans="1:84" ht="8.25" customHeight="1" thickBot="1" x14ac:dyDescent="0.25">
      <c r="A41" s="846"/>
      <c r="B41" s="940"/>
      <c r="C41" s="849"/>
      <c r="D41" s="946"/>
      <c r="E41" s="917"/>
      <c r="F41" s="917"/>
      <c r="G41" s="917"/>
      <c r="H41" s="917"/>
      <c r="I41" s="917"/>
      <c r="J41" s="917"/>
      <c r="K41" s="917"/>
      <c r="L41" s="917"/>
      <c r="M41" s="917"/>
      <c r="N41" s="917"/>
      <c r="O41" s="917"/>
      <c r="P41" s="917"/>
      <c r="Q41" s="917"/>
      <c r="R41" s="917"/>
      <c r="S41" s="990"/>
      <c r="T41" s="949"/>
      <c r="U41" s="950"/>
      <c r="V41" s="951"/>
      <c r="W41" s="952"/>
      <c r="X41" s="943"/>
      <c r="Y41" s="928"/>
      <c r="Z41" s="928"/>
      <c r="AA41" s="929"/>
      <c r="AB41" s="846"/>
      <c r="AC41" s="849"/>
      <c r="AD41" s="921"/>
      <c r="AE41" s="922"/>
      <c r="AF41" s="922"/>
      <c r="AG41" s="922"/>
      <c r="AH41" s="922"/>
      <c r="AI41" s="922"/>
      <c r="AJ41" s="922"/>
      <c r="AK41" s="923"/>
      <c r="AL41" s="843"/>
      <c r="AM41" s="812"/>
      <c r="AN41" s="812"/>
      <c r="AO41" s="812"/>
      <c r="AP41" s="791"/>
      <c r="AQ41" s="955"/>
      <c r="AR41" s="801"/>
      <c r="AS41" s="804"/>
      <c r="AT41" s="31"/>
      <c r="AU41" s="918"/>
      <c r="AV41" s="801"/>
      <c r="AW41" s="804"/>
      <c r="AX41" s="31"/>
      <c r="AY41" s="918"/>
      <c r="AZ41" s="801"/>
      <c r="BA41" s="801"/>
      <c r="BB41" s="801"/>
      <c r="BC41" s="864"/>
      <c r="BD41" s="829"/>
      <c r="BE41" s="867"/>
      <c r="BF41" s="809"/>
      <c r="BG41" s="867"/>
      <c r="BH41" s="809"/>
      <c r="BI41" s="810"/>
      <c r="BJ41" s="794"/>
      <c r="BK41" s="794"/>
      <c r="BL41" s="794"/>
      <c r="BM41" s="794"/>
      <c r="BN41" s="794"/>
      <c r="BO41" s="794"/>
      <c r="BP41" s="794"/>
      <c r="BQ41" s="791"/>
      <c r="BR41" s="300"/>
      <c r="BS41" s="794"/>
      <c r="BT41" s="794"/>
      <c r="BU41" s="794"/>
      <c r="BV41" s="794"/>
      <c r="BW41" s="794"/>
      <c r="BX41" s="794"/>
      <c r="BY41" s="794"/>
      <c r="BZ41" s="829"/>
      <c r="CA41" s="810"/>
    </row>
    <row r="42" spans="1:84" ht="6" customHeight="1" thickBot="1" x14ac:dyDescent="0.25"/>
    <row r="43" spans="1:84" ht="8.25" customHeight="1" x14ac:dyDescent="0.2">
      <c r="D43" s="291"/>
      <c r="E43" s="292"/>
      <c r="F43" s="292"/>
      <c r="G43" s="292"/>
      <c r="H43" s="292"/>
      <c r="I43" s="292"/>
      <c r="J43" s="292"/>
      <c r="K43" s="292"/>
      <c r="L43" s="292"/>
      <c r="M43" s="292"/>
      <c r="N43" s="292"/>
      <c r="O43" s="292"/>
      <c r="P43" s="301"/>
      <c r="Q43" s="888" t="s">
        <v>87</v>
      </c>
      <c r="R43" s="872" t="s">
        <v>88</v>
      </c>
      <c r="S43" s="873"/>
      <c r="T43" s="873"/>
      <c r="U43" s="873"/>
      <c r="V43" s="873"/>
      <c r="W43" s="873"/>
      <c r="X43" s="874"/>
      <c r="Y43" s="872" t="s">
        <v>89</v>
      </c>
      <c r="Z43" s="873"/>
      <c r="AA43" s="873"/>
      <c r="AB43" s="873"/>
      <c r="AC43" s="873"/>
      <c r="AD43" s="873"/>
      <c r="AE43" s="879"/>
      <c r="AF43" s="7"/>
      <c r="AG43" s="7"/>
      <c r="AH43" s="7"/>
      <c r="AI43" s="7"/>
      <c r="AJ43" s="7"/>
      <c r="AK43" s="7"/>
      <c r="AL43" s="8"/>
      <c r="AM43" s="7"/>
      <c r="AN43" s="7"/>
      <c r="AO43" s="7"/>
      <c r="AP43" s="7"/>
      <c r="AQ43" s="7"/>
      <c r="AR43" s="7"/>
      <c r="AS43" s="15"/>
      <c r="AT43" s="7"/>
      <c r="AU43" s="7"/>
      <c r="AV43" s="7"/>
      <c r="AW43" s="7"/>
      <c r="AX43" s="8"/>
      <c r="AY43" s="7"/>
      <c r="AZ43" s="7"/>
      <c r="BA43" s="7"/>
      <c r="BB43" s="7"/>
      <c r="BC43" s="7"/>
      <c r="BD43" s="8"/>
      <c r="BE43" s="7"/>
      <c r="BF43" s="7"/>
      <c r="BG43" s="7"/>
      <c r="BH43" s="7"/>
      <c r="BI43" s="7"/>
      <c r="BJ43" s="8"/>
      <c r="BK43" s="15"/>
      <c r="BL43" s="7"/>
      <c r="BM43" s="7"/>
      <c r="BN43" s="7"/>
      <c r="BO43" s="7"/>
      <c r="BP43" s="7"/>
      <c r="BQ43" s="7"/>
      <c r="BR43" s="15"/>
      <c r="BS43" s="7"/>
      <c r="BT43" s="7"/>
      <c r="BU43" s="7"/>
      <c r="BV43" s="7"/>
      <c r="BW43" s="7"/>
      <c r="BX43" s="7"/>
      <c r="BY43" s="8"/>
      <c r="BZ43" s="766" t="s">
        <v>90</v>
      </c>
      <c r="CA43" s="32"/>
      <c r="CB43" s="32"/>
    </row>
    <row r="44" spans="1:84" ht="8.25" customHeight="1" x14ac:dyDescent="0.2">
      <c r="D44" s="293"/>
      <c r="E44" s="9"/>
      <c r="F44" s="9"/>
      <c r="G44" s="9"/>
      <c r="H44" s="9"/>
      <c r="I44" s="9"/>
      <c r="J44" s="9"/>
      <c r="K44" s="9"/>
      <c r="L44" s="9"/>
      <c r="M44" s="9"/>
      <c r="N44" s="9"/>
      <c r="O44" s="9"/>
      <c r="P44" s="10"/>
      <c r="Q44" s="889"/>
      <c r="R44" s="875"/>
      <c r="S44" s="819"/>
      <c r="T44" s="819"/>
      <c r="U44" s="819"/>
      <c r="V44" s="819"/>
      <c r="W44" s="819"/>
      <c r="X44" s="876"/>
      <c r="Y44" s="875"/>
      <c r="Z44" s="819"/>
      <c r="AA44" s="819"/>
      <c r="AB44" s="819"/>
      <c r="AC44" s="819"/>
      <c r="AD44" s="819"/>
      <c r="AE44" s="881"/>
      <c r="AF44" s="772" t="s">
        <v>91</v>
      </c>
      <c r="AG44" s="772"/>
      <c r="AH44" s="772"/>
      <c r="AI44" s="772"/>
      <c r="AJ44" s="772"/>
      <c r="AK44" s="772"/>
      <c r="AL44" s="773"/>
      <c r="AM44" s="768" t="s">
        <v>218</v>
      </c>
      <c r="AN44" s="769"/>
      <c r="AO44" s="769"/>
      <c r="AP44" s="769"/>
      <c r="AQ44" s="769"/>
      <c r="AR44" s="770"/>
      <c r="AS44" s="17"/>
      <c r="AT44" s="9"/>
      <c r="AU44" s="9"/>
      <c r="AV44" s="9"/>
      <c r="AW44" s="9"/>
      <c r="AX44" s="10"/>
      <c r="AY44" s="9"/>
      <c r="AZ44" s="9"/>
      <c r="BA44" s="9"/>
      <c r="BB44" s="9"/>
      <c r="BC44" s="9"/>
      <c r="BD44" s="10"/>
      <c r="BE44" s="9"/>
      <c r="BF44" s="9"/>
      <c r="BG44" s="9"/>
      <c r="BH44" s="9"/>
      <c r="BI44" s="9"/>
      <c r="BJ44" s="10"/>
      <c r="BK44" s="17"/>
      <c r="BL44" s="9"/>
      <c r="BM44" s="9"/>
      <c r="BN44" s="9"/>
      <c r="BO44" s="9"/>
      <c r="BP44" s="9"/>
      <c r="BQ44" s="9"/>
      <c r="BR44" s="771" t="s">
        <v>92</v>
      </c>
      <c r="BS44" s="772"/>
      <c r="BT44" s="772"/>
      <c r="BU44" s="772"/>
      <c r="BV44" s="772"/>
      <c r="BW44" s="772"/>
      <c r="BX44" s="772"/>
      <c r="BY44" s="773"/>
      <c r="BZ44" s="767"/>
      <c r="CA44" s="32"/>
      <c r="CB44" s="32"/>
    </row>
    <row r="45" spans="1:84" ht="8.25" customHeight="1" x14ac:dyDescent="0.2">
      <c r="D45" s="293"/>
      <c r="E45" s="870" t="s">
        <v>93</v>
      </c>
      <c r="F45" s="772"/>
      <c r="G45" s="772"/>
      <c r="H45" s="772"/>
      <c r="I45" s="772"/>
      <c r="J45" s="772"/>
      <c r="K45" s="772"/>
      <c r="L45" s="772"/>
      <c r="M45" s="772"/>
      <c r="N45" s="772"/>
      <c r="O45" s="772"/>
      <c r="P45" s="10"/>
      <c r="Q45" s="889"/>
      <c r="R45" s="831" t="s">
        <v>94</v>
      </c>
      <c r="S45" s="823" t="s">
        <v>95</v>
      </c>
      <c r="T45" s="824"/>
      <c r="U45" s="823" t="s">
        <v>96</v>
      </c>
      <c r="V45" s="824"/>
      <c r="W45" s="823" t="s">
        <v>97</v>
      </c>
      <c r="X45" s="824"/>
      <c r="Y45" s="831" t="s">
        <v>94</v>
      </c>
      <c r="Z45" s="823" t="s">
        <v>95</v>
      </c>
      <c r="AA45" s="824"/>
      <c r="AB45" s="823" t="s">
        <v>96</v>
      </c>
      <c r="AC45" s="824"/>
      <c r="AD45" s="823" t="s">
        <v>97</v>
      </c>
      <c r="AE45" s="833"/>
      <c r="AF45" s="772"/>
      <c r="AG45" s="772"/>
      <c r="AH45" s="772"/>
      <c r="AI45" s="772"/>
      <c r="AJ45" s="772"/>
      <c r="AK45" s="772"/>
      <c r="AL45" s="773"/>
      <c r="AM45" s="768"/>
      <c r="AN45" s="769"/>
      <c r="AO45" s="769"/>
      <c r="AP45" s="769"/>
      <c r="AQ45" s="769"/>
      <c r="AR45" s="770"/>
      <c r="AS45" s="774" t="s">
        <v>98</v>
      </c>
      <c r="AT45" s="775"/>
      <c r="AU45" s="775"/>
      <c r="AV45" s="775"/>
      <c r="AW45" s="775"/>
      <c r="AX45" s="776"/>
      <c r="AY45" s="777" t="s">
        <v>216</v>
      </c>
      <c r="AZ45" s="778"/>
      <c r="BA45" s="778"/>
      <c r="BB45" s="778"/>
      <c r="BC45" s="778"/>
      <c r="BD45" s="779"/>
      <c r="BE45" s="780" t="s">
        <v>217</v>
      </c>
      <c r="BF45" s="781"/>
      <c r="BG45" s="781"/>
      <c r="BH45" s="781"/>
      <c r="BI45" s="781"/>
      <c r="BJ45" s="782"/>
      <c r="BK45" s="771" t="s">
        <v>99</v>
      </c>
      <c r="BL45" s="772"/>
      <c r="BM45" s="772"/>
      <c r="BN45" s="772"/>
      <c r="BO45" s="772"/>
      <c r="BP45" s="772"/>
      <c r="BQ45" s="773"/>
      <c r="BR45" s="771"/>
      <c r="BS45" s="772"/>
      <c r="BT45" s="772"/>
      <c r="BU45" s="772"/>
      <c r="BV45" s="772"/>
      <c r="BW45" s="772"/>
      <c r="BX45" s="772"/>
      <c r="BY45" s="773"/>
      <c r="BZ45" s="767"/>
      <c r="CA45" s="32"/>
      <c r="CB45" s="32"/>
    </row>
    <row r="46" spans="1:84" ht="13.95" customHeight="1" x14ac:dyDescent="0.2">
      <c r="D46" s="293"/>
      <c r="E46" s="772"/>
      <c r="F46" s="772"/>
      <c r="G46" s="772"/>
      <c r="H46" s="772"/>
      <c r="I46" s="772"/>
      <c r="J46" s="772"/>
      <c r="K46" s="772"/>
      <c r="L46" s="772"/>
      <c r="M46" s="772"/>
      <c r="N46" s="772"/>
      <c r="O46" s="772"/>
      <c r="P46" s="10"/>
      <c r="Q46" s="889"/>
      <c r="R46" s="832"/>
      <c r="S46" s="771"/>
      <c r="T46" s="773"/>
      <c r="U46" s="771"/>
      <c r="V46" s="773"/>
      <c r="W46" s="771"/>
      <c r="X46" s="773"/>
      <c r="Y46" s="832"/>
      <c r="Z46" s="771"/>
      <c r="AA46" s="773"/>
      <c r="AB46" s="771"/>
      <c r="AC46" s="773"/>
      <c r="AD46" s="771"/>
      <c r="AE46" s="834"/>
      <c r="AF46" s="775" t="s">
        <v>100</v>
      </c>
      <c r="AG46" s="775"/>
      <c r="AH46" s="775"/>
      <c r="AI46" s="775"/>
      <c r="AJ46" s="775"/>
      <c r="AK46" s="775"/>
      <c r="AL46" s="776"/>
      <c r="AM46" s="783" t="s">
        <v>220</v>
      </c>
      <c r="AN46" s="784"/>
      <c r="AO46" s="784"/>
      <c r="AP46" s="784"/>
      <c r="AQ46" s="784"/>
      <c r="AR46" s="785"/>
      <c r="AS46" s="774"/>
      <c r="AT46" s="775"/>
      <c r="AU46" s="775"/>
      <c r="AV46" s="775"/>
      <c r="AW46" s="775"/>
      <c r="AX46" s="776"/>
      <c r="AY46" s="777"/>
      <c r="AZ46" s="778"/>
      <c r="BA46" s="778"/>
      <c r="BB46" s="778"/>
      <c r="BC46" s="778"/>
      <c r="BD46" s="779"/>
      <c r="BE46" s="780"/>
      <c r="BF46" s="781"/>
      <c r="BG46" s="781"/>
      <c r="BH46" s="781"/>
      <c r="BI46" s="781"/>
      <c r="BJ46" s="782"/>
      <c r="BK46" s="771"/>
      <c r="BL46" s="772"/>
      <c r="BM46" s="772"/>
      <c r="BN46" s="772"/>
      <c r="BO46" s="772"/>
      <c r="BP46" s="772"/>
      <c r="BQ46" s="773"/>
      <c r="BR46" s="771" t="s">
        <v>101</v>
      </c>
      <c r="BS46" s="772"/>
      <c r="BT46" s="772"/>
      <c r="BU46" s="772"/>
      <c r="BV46" s="772"/>
      <c r="BW46" s="772"/>
      <c r="BX46" s="772"/>
      <c r="BY46" s="773"/>
      <c r="BZ46" s="767"/>
      <c r="CA46" s="32"/>
      <c r="CB46" s="32"/>
    </row>
    <row r="47" spans="1:84" ht="9" customHeight="1" x14ac:dyDescent="0.2">
      <c r="D47" s="293"/>
      <c r="E47" s="885" t="s">
        <v>139</v>
      </c>
      <c r="F47" s="886"/>
      <c r="G47" s="886"/>
      <c r="H47" s="886"/>
      <c r="I47" s="886"/>
      <c r="J47" s="886"/>
      <c r="K47" s="886"/>
      <c r="L47" s="886"/>
      <c r="M47" s="886"/>
      <c r="N47" s="886"/>
      <c r="O47" s="9"/>
      <c r="P47" s="10"/>
      <c r="Q47" s="889"/>
      <c r="R47" s="832"/>
      <c r="S47" s="771"/>
      <c r="T47" s="773"/>
      <c r="U47" s="771"/>
      <c r="V47" s="773"/>
      <c r="W47" s="771"/>
      <c r="X47" s="773"/>
      <c r="Y47" s="832"/>
      <c r="Z47" s="771"/>
      <c r="AA47" s="773"/>
      <c r="AB47" s="771"/>
      <c r="AC47" s="773"/>
      <c r="AD47" s="771"/>
      <c r="AE47" s="834"/>
      <c r="AF47" s="775"/>
      <c r="AG47" s="775"/>
      <c r="AH47" s="775"/>
      <c r="AI47" s="775"/>
      <c r="AJ47" s="775"/>
      <c r="AK47" s="775"/>
      <c r="AL47" s="776"/>
      <c r="AM47" s="783"/>
      <c r="AN47" s="784"/>
      <c r="AO47" s="784"/>
      <c r="AP47" s="784"/>
      <c r="AQ47" s="784"/>
      <c r="AR47" s="785"/>
      <c r="AS47" s="18"/>
      <c r="AT47" s="14"/>
      <c r="AU47" s="14"/>
      <c r="AV47" s="14"/>
      <c r="AW47" s="14"/>
      <c r="AX47" s="19"/>
      <c r="AY47" s="9"/>
      <c r="AZ47" s="9"/>
      <c r="BA47" s="9"/>
      <c r="BB47" s="9"/>
      <c r="BC47" s="9"/>
      <c r="BD47" s="10"/>
      <c r="BE47" s="9"/>
      <c r="BF47" s="9"/>
      <c r="BG47" s="9"/>
      <c r="BH47" s="9"/>
      <c r="BI47" s="9"/>
      <c r="BJ47" s="10"/>
      <c r="BK47" s="17"/>
      <c r="BL47" s="9"/>
      <c r="BM47" s="9"/>
      <c r="BN47" s="9"/>
      <c r="BO47" s="9"/>
      <c r="BP47" s="9"/>
      <c r="BQ47" s="9"/>
      <c r="BR47" s="771"/>
      <c r="BS47" s="772"/>
      <c r="BT47" s="772"/>
      <c r="BU47" s="772"/>
      <c r="BV47" s="772"/>
      <c r="BW47" s="772"/>
      <c r="BX47" s="772"/>
      <c r="BY47" s="773"/>
      <c r="BZ47" s="767"/>
      <c r="CA47" s="32"/>
      <c r="CB47" s="32"/>
    </row>
    <row r="48" spans="1:84" ht="0.45" customHeight="1" x14ac:dyDescent="0.2">
      <c r="D48" s="294">
        <v>13</v>
      </c>
      <c r="E48" s="887"/>
      <c r="F48" s="887"/>
      <c r="G48" s="887"/>
      <c r="H48" s="887"/>
      <c r="I48" s="887"/>
      <c r="J48" s="887"/>
      <c r="K48" s="887"/>
      <c r="L48" s="887"/>
      <c r="M48" s="887"/>
      <c r="N48" s="887"/>
      <c r="O48" s="14"/>
      <c r="P48" s="13">
        <v>25</v>
      </c>
      <c r="Q48" s="342">
        <v>26</v>
      </c>
      <c r="R48" s="26">
        <v>27</v>
      </c>
      <c r="S48" s="12">
        <v>28</v>
      </c>
      <c r="T48" s="13">
        <v>29</v>
      </c>
      <c r="U48" s="12">
        <v>30</v>
      </c>
      <c r="V48" s="13">
        <v>31</v>
      </c>
      <c r="W48" s="12">
        <v>32</v>
      </c>
      <c r="X48" s="13">
        <v>33</v>
      </c>
      <c r="Y48" s="26">
        <v>34</v>
      </c>
      <c r="Z48" s="12">
        <v>35</v>
      </c>
      <c r="AA48" s="13">
        <v>36</v>
      </c>
      <c r="AB48" s="12">
        <v>37</v>
      </c>
      <c r="AC48" s="13">
        <v>38</v>
      </c>
      <c r="AD48" s="12">
        <v>39</v>
      </c>
      <c r="AE48" s="295">
        <v>40</v>
      </c>
      <c r="AF48" s="28">
        <v>41</v>
      </c>
      <c r="AG48" s="27"/>
      <c r="AH48" s="27"/>
      <c r="AI48" s="27"/>
      <c r="AJ48" s="27"/>
      <c r="AK48" s="27"/>
      <c r="AL48" s="13">
        <v>47</v>
      </c>
      <c r="AM48" s="24"/>
      <c r="AN48" s="24"/>
      <c r="AO48" s="24"/>
      <c r="AP48" s="24"/>
      <c r="AQ48" s="24"/>
      <c r="AR48" s="24"/>
      <c r="AS48" s="27"/>
      <c r="AT48" s="27"/>
      <c r="AU48" s="27"/>
      <c r="AV48" s="27"/>
      <c r="AW48" s="27"/>
      <c r="AX48" s="13">
        <v>54</v>
      </c>
      <c r="AY48" s="27"/>
      <c r="AZ48" s="27"/>
      <c r="BA48" s="27"/>
      <c r="BB48" s="27"/>
      <c r="BC48" s="27"/>
      <c r="BD48" s="13">
        <v>61</v>
      </c>
      <c r="BE48" s="27"/>
      <c r="BF48" s="27"/>
      <c r="BG48" s="27"/>
      <c r="BH48" s="27"/>
      <c r="BI48" s="27"/>
      <c r="BJ48" s="13">
        <v>68</v>
      </c>
      <c r="BK48" s="12">
        <v>69</v>
      </c>
      <c r="BL48" s="27"/>
      <c r="BM48" s="27"/>
      <c r="BN48" s="27"/>
      <c r="BO48" s="27"/>
      <c r="BP48" s="27"/>
      <c r="BQ48" s="24">
        <v>75</v>
      </c>
      <c r="BR48" s="12">
        <v>76</v>
      </c>
      <c r="BS48" s="27"/>
      <c r="BT48" s="27"/>
      <c r="BU48" s="27"/>
      <c r="BV48" s="27"/>
      <c r="BW48" s="27"/>
      <c r="BX48" s="24"/>
      <c r="BY48" s="13">
        <v>83</v>
      </c>
      <c r="BZ48" s="26">
        <v>84</v>
      </c>
      <c r="CA48" s="35"/>
      <c r="CB48" s="35"/>
      <c r="CC48" s="36"/>
      <c r="CD48" s="36"/>
      <c r="CE48" s="36"/>
      <c r="CF48" s="36"/>
    </row>
    <row r="49" spans="1:80" ht="8.25" customHeight="1" x14ac:dyDescent="0.2">
      <c r="D49" s="882"/>
      <c r="E49" s="799"/>
      <c r="F49" s="799"/>
      <c r="G49" s="799"/>
      <c r="H49" s="799"/>
      <c r="I49" s="799"/>
      <c r="J49" s="799"/>
      <c r="K49" s="799"/>
      <c r="L49" s="799"/>
      <c r="M49" s="799"/>
      <c r="N49" s="799"/>
      <c r="O49" s="799"/>
      <c r="P49" s="802"/>
      <c r="Q49" s="760"/>
      <c r="R49" s="760"/>
      <c r="S49" s="835"/>
      <c r="T49" s="802"/>
      <c r="U49" s="835"/>
      <c r="V49" s="802"/>
      <c r="W49" s="835"/>
      <c r="X49" s="802"/>
      <c r="Y49" s="760"/>
      <c r="Z49" s="835"/>
      <c r="AA49" s="802"/>
      <c r="AB49" s="835"/>
      <c r="AC49" s="802"/>
      <c r="AD49" s="835"/>
      <c r="AE49" s="851"/>
      <c r="AF49" s="854"/>
      <c r="AG49" s="754"/>
      <c r="AH49" s="748"/>
      <c r="AI49" s="37" t="s">
        <v>102</v>
      </c>
      <c r="AJ49" s="754"/>
      <c r="AK49" s="748"/>
      <c r="AL49" s="37" t="s">
        <v>103</v>
      </c>
      <c r="AM49" s="754"/>
      <c r="AN49" s="748"/>
      <c r="AO49" s="37" t="s">
        <v>102</v>
      </c>
      <c r="AP49" s="754"/>
      <c r="AQ49" s="748"/>
      <c r="AR49" s="37" t="s">
        <v>103</v>
      </c>
      <c r="AS49" s="754"/>
      <c r="AT49" s="748"/>
      <c r="AU49" s="37" t="s">
        <v>102</v>
      </c>
      <c r="AV49" s="754"/>
      <c r="AW49" s="748"/>
      <c r="AX49" s="37" t="s">
        <v>103</v>
      </c>
      <c r="AY49" s="754"/>
      <c r="AZ49" s="748"/>
      <c r="BA49" s="37" t="s">
        <v>102</v>
      </c>
      <c r="BB49" s="754"/>
      <c r="BC49" s="748"/>
      <c r="BD49" s="37" t="s">
        <v>103</v>
      </c>
      <c r="BE49" s="754"/>
      <c r="BF49" s="748"/>
      <c r="BG49" s="37" t="s">
        <v>102</v>
      </c>
      <c r="BH49" s="754"/>
      <c r="BI49" s="748"/>
      <c r="BJ49" s="37" t="s">
        <v>103</v>
      </c>
      <c r="BK49" s="751"/>
      <c r="BL49" s="754"/>
      <c r="BM49" s="748"/>
      <c r="BN49" s="37" t="s">
        <v>102</v>
      </c>
      <c r="BO49" s="754"/>
      <c r="BP49" s="748"/>
      <c r="BQ49" s="38" t="s">
        <v>103</v>
      </c>
      <c r="BR49" s="754"/>
      <c r="BS49" s="765"/>
      <c r="BT49" s="754"/>
      <c r="BU49" s="757"/>
      <c r="BV49" s="39" t="s">
        <v>102</v>
      </c>
      <c r="BW49" s="754"/>
      <c r="BX49" s="757"/>
      <c r="BY49" s="39" t="s">
        <v>103</v>
      </c>
      <c r="BZ49" s="760"/>
      <c r="CA49" s="9"/>
      <c r="CB49" s="9"/>
    </row>
    <row r="50" spans="1:80" ht="8.25" customHeight="1" x14ac:dyDescent="0.2">
      <c r="D50" s="883"/>
      <c r="E50" s="800"/>
      <c r="F50" s="800"/>
      <c r="G50" s="800"/>
      <c r="H50" s="800"/>
      <c r="I50" s="800"/>
      <c r="J50" s="800"/>
      <c r="K50" s="800"/>
      <c r="L50" s="800"/>
      <c r="M50" s="800"/>
      <c r="N50" s="800"/>
      <c r="O50" s="800"/>
      <c r="P50" s="803"/>
      <c r="Q50" s="761"/>
      <c r="R50" s="761"/>
      <c r="S50" s="836"/>
      <c r="T50" s="803"/>
      <c r="U50" s="836"/>
      <c r="V50" s="803"/>
      <c r="W50" s="836"/>
      <c r="X50" s="803"/>
      <c r="Y50" s="761"/>
      <c r="Z50" s="836"/>
      <c r="AA50" s="803"/>
      <c r="AB50" s="836"/>
      <c r="AC50" s="803"/>
      <c r="AD50" s="836"/>
      <c r="AE50" s="852"/>
      <c r="AF50" s="855"/>
      <c r="AG50" s="755"/>
      <c r="AH50" s="749"/>
      <c r="AI50" s="763"/>
      <c r="AJ50" s="755"/>
      <c r="AK50" s="749"/>
      <c r="AL50" s="763"/>
      <c r="AM50" s="755"/>
      <c r="AN50" s="749"/>
      <c r="AO50" s="763"/>
      <c r="AP50" s="755"/>
      <c r="AQ50" s="749"/>
      <c r="AR50" s="763"/>
      <c r="AS50" s="755"/>
      <c r="AT50" s="749"/>
      <c r="AU50" s="763"/>
      <c r="AV50" s="755"/>
      <c r="AW50" s="749"/>
      <c r="AX50" s="763"/>
      <c r="AY50" s="755"/>
      <c r="AZ50" s="749"/>
      <c r="BA50" s="763"/>
      <c r="BB50" s="755"/>
      <c r="BC50" s="749"/>
      <c r="BD50" s="763"/>
      <c r="BE50" s="755"/>
      <c r="BF50" s="749"/>
      <c r="BG50" s="763"/>
      <c r="BH50" s="755"/>
      <c r="BI50" s="749"/>
      <c r="BJ50" s="763"/>
      <c r="BK50" s="752"/>
      <c r="BL50" s="755"/>
      <c r="BM50" s="749"/>
      <c r="BN50" s="763"/>
      <c r="BO50" s="755"/>
      <c r="BP50" s="749"/>
      <c r="BQ50" s="763"/>
      <c r="BR50" s="755"/>
      <c r="BS50" s="763"/>
      <c r="BT50" s="755"/>
      <c r="BU50" s="758"/>
      <c r="BV50" s="763"/>
      <c r="BW50" s="755"/>
      <c r="BX50" s="758"/>
      <c r="BY50" s="763"/>
      <c r="BZ50" s="761"/>
      <c r="CA50" s="9"/>
      <c r="CB50" s="9"/>
    </row>
    <row r="51" spans="1:80" ht="8.25" customHeight="1" thickBot="1" x14ac:dyDescent="0.25">
      <c r="D51" s="884"/>
      <c r="E51" s="877"/>
      <c r="F51" s="877"/>
      <c r="G51" s="877"/>
      <c r="H51" s="877"/>
      <c r="I51" s="877"/>
      <c r="J51" s="877"/>
      <c r="K51" s="877"/>
      <c r="L51" s="877"/>
      <c r="M51" s="877"/>
      <c r="N51" s="877"/>
      <c r="O51" s="877"/>
      <c r="P51" s="850"/>
      <c r="Q51" s="786"/>
      <c r="R51" s="786"/>
      <c r="S51" s="837"/>
      <c r="T51" s="850"/>
      <c r="U51" s="837"/>
      <c r="V51" s="850"/>
      <c r="W51" s="837"/>
      <c r="X51" s="850"/>
      <c r="Y51" s="786"/>
      <c r="Z51" s="837"/>
      <c r="AA51" s="850"/>
      <c r="AB51" s="837"/>
      <c r="AC51" s="850"/>
      <c r="AD51" s="837"/>
      <c r="AE51" s="853"/>
      <c r="AF51" s="856"/>
      <c r="AG51" s="756"/>
      <c r="AH51" s="750"/>
      <c r="AI51" s="764"/>
      <c r="AJ51" s="756"/>
      <c r="AK51" s="750"/>
      <c r="AL51" s="764"/>
      <c r="AM51" s="756"/>
      <c r="AN51" s="750"/>
      <c r="AO51" s="764"/>
      <c r="AP51" s="756"/>
      <c r="AQ51" s="750"/>
      <c r="AR51" s="764"/>
      <c r="AS51" s="756"/>
      <c r="AT51" s="750"/>
      <c r="AU51" s="764"/>
      <c r="AV51" s="756"/>
      <c r="AW51" s="750"/>
      <c r="AX51" s="764"/>
      <c r="AY51" s="756"/>
      <c r="AZ51" s="750"/>
      <c r="BA51" s="764"/>
      <c r="BB51" s="756"/>
      <c r="BC51" s="750"/>
      <c r="BD51" s="764"/>
      <c r="BE51" s="756"/>
      <c r="BF51" s="750"/>
      <c r="BG51" s="764"/>
      <c r="BH51" s="756"/>
      <c r="BI51" s="750"/>
      <c r="BJ51" s="764"/>
      <c r="BK51" s="753"/>
      <c r="BL51" s="756"/>
      <c r="BM51" s="750"/>
      <c r="BN51" s="764"/>
      <c r="BO51" s="756"/>
      <c r="BP51" s="750"/>
      <c r="BQ51" s="764"/>
      <c r="BR51" s="756"/>
      <c r="BS51" s="764"/>
      <c r="BT51" s="756"/>
      <c r="BU51" s="759"/>
      <c r="BV51" s="764"/>
      <c r="BW51" s="756"/>
      <c r="BX51" s="759"/>
      <c r="BY51" s="764"/>
      <c r="BZ51" s="762"/>
      <c r="CA51" s="9"/>
      <c r="CB51" s="9"/>
    </row>
    <row r="52" spans="1:80" ht="9" customHeight="1" thickBot="1" x14ac:dyDescent="0.25"/>
    <row r="53" spans="1:80" ht="8.25" customHeight="1" x14ac:dyDescent="0.2">
      <c r="A53" s="15"/>
      <c r="B53" s="7"/>
      <c r="C53" s="8"/>
      <c r="D53" s="291"/>
      <c r="E53" s="292"/>
      <c r="F53" s="292"/>
      <c r="G53" s="292"/>
      <c r="H53" s="292"/>
      <c r="I53" s="292"/>
      <c r="J53" s="292"/>
      <c r="K53" s="292"/>
      <c r="L53" s="292"/>
      <c r="M53" s="292"/>
      <c r="N53" s="292"/>
      <c r="O53" s="292"/>
      <c r="P53" s="292"/>
      <c r="Q53" s="292"/>
      <c r="R53" s="292"/>
      <c r="S53" s="302"/>
      <c r="T53" s="878" t="s">
        <v>62</v>
      </c>
      <c r="U53" s="873"/>
      <c r="V53" s="873"/>
      <c r="W53" s="873"/>
      <c r="X53" s="879"/>
      <c r="Y53" s="895" t="s">
        <v>63</v>
      </c>
      <c r="Z53" s="896"/>
      <c r="AA53" s="896"/>
      <c r="AB53" s="896"/>
      <c r="AC53" s="896"/>
      <c r="AD53" s="896"/>
      <c r="AE53" s="896"/>
      <c r="AF53" s="896"/>
      <c r="AG53" s="896"/>
      <c r="AH53" s="896"/>
      <c r="AI53" s="896"/>
      <c r="AJ53" s="896"/>
      <c r="AK53" s="896"/>
      <c r="AL53" s="896"/>
      <c r="AM53" s="896"/>
      <c r="AN53" s="896"/>
      <c r="AO53" s="897"/>
      <c r="AP53" s="823" t="s">
        <v>64</v>
      </c>
      <c r="AQ53" s="818"/>
      <c r="AR53" s="818"/>
      <c r="AS53" s="818"/>
      <c r="AT53" s="818"/>
      <c r="AU53" s="818"/>
      <c r="AV53" s="818"/>
      <c r="AW53" s="818"/>
      <c r="AX53" s="818"/>
      <c r="AY53" s="818"/>
      <c r="AZ53" s="818"/>
      <c r="BA53" s="818"/>
      <c r="BB53" s="818"/>
      <c r="BC53" s="818"/>
      <c r="BD53" s="813" t="s">
        <v>65</v>
      </c>
      <c r="BE53" s="814"/>
      <c r="BF53" s="814"/>
      <c r="BG53" s="814"/>
      <c r="BH53" s="814"/>
      <c r="BI53" s="815"/>
      <c r="BJ53" s="7"/>
      <c r="BK53" s="7"/>
      <c r="BL53" s="7"/>
      <c r="BM53" s="7"/>
      <c r="BN53" s="7"/>
      <c r="BO53" s="7"/>
      <c r="BP53" s="7"/>
      <c r="BQ53" s="816" t="s">
        <v>66</v>
      </c>
      <c r="BR53" s="818" t="s">
        <v>67</v>
      </c>
      <c r="BS53" s="818"/>
      <c r="BT53" s="818"/>
      <c r="BU53" s="818"/>
      <c r="BV53" s="818"/>
      <c r="BW53" s="818"/>
      <c r="BX53" s="818"/>
      <c r="BY53" s="818"/>
      <c r="BZ53" s="825" t="s">
        <v>68</v>
      </c>
      <c r="CA53" s="859" t="s">
        <v>69</v>
      </c>
    </row>
    <row r="54" spans="1:80" ht="8.25" customHeight="1" thickBot="1" x14ac:dyDescent="0.25">
      <c r="A54" s="869" t="s">
        <v>70</v>
      </c>
      <c r="B54" s="870"/>
      <c r="C54" s="871"/>
      <c r="D54" s="293"/>
      <c r="E54" s="9"/>
      <c r="F54" s="9"/>
      <c r="G54" s="9"/>
      <c r="H54" s="9"/>
      <c r="I54" s="9"/>
      <c r="J54" s="9"/>
      <c r="K54" s="9"/>
      <c r="L54" s="9"/>
      <c r="M54" s="9"/>
      <c r="N54" s="9"/>
      <c r="O54" s="9"/>
      <c r="P54" s="9"/>
      <c r="Q54" s="9"/>
      <c r="R54" s="9"/>
      <c r="S54" s="303"/>
      <c r="T54" s="880"/>
      <c r="U54" s="819"/>
      <c r="V54" s="819"/>
      <c r="W54" s="819"/>
      <c r="X54" s="881"/>
      <c r="Y54" s="898"/>
      <c r="Z54" s="898"/>
      <c r="AA54" s="898"/>
      <c r="AB54" s="898"/>
      <c r="AC54" s="898"/>
      <c r="AD54" s="898"/>
      <c r="AE54" s="898"/>
      <c r="AF54" s="898"/>
      <c r="AG54" s="898"/>
      <c r="AH54" s="898"/>
      <c r="AI54" s="898"/>
      <c r="AJ54" s="898"/>
      <c r="AK54" s="898"/>
      <c r="AL54" s="898"/>
      <c r="AM54" s="898"/>
      <c r="AN54" s="898"/>
      <c r="AO54" s="899"/>
      <c r="AP54" s="771"/>
      <c r="AQ54" s="819"/>
      <c r="AR54" s="819"/>
      <c r="AS54" s="819"/>
      <c r="AT54" s="819"/>
      <c r="AU54" s="819"/>
      <c r="AV54" s="819"/>
      <c r="AW54" s="819"/>
      <c r="AX54" s="819"/>
      <c r="AY54" s="819"/>
      <c r="AZ54" s="819"/>
      <c r="BA54" s="819"/>
      <c r="BB54" s="819"/>
      <c r="BC54" s="819"/>
      <c r="BD54" s="820" t="s">
        <v>71</v>
      </c>
      <c r="BE54" s="821"/>
      <c r="BF54" s="821"/>
      <c r="BG54" s="821"/>
      <c r="BH54" s="821"/>
      <c r="BI54" s="822"/>
      <c r="BJ54" s="772" t="s">
        <v>72</v>
      </c>
      <c r="BK54" s="772"/>
      <c r="BL54" s="772"/>
      <c r="BM54" s="772"/>
      <c r="BN54" s="772"/>
      <c r="BO54" s="772"/>
      <c r="BP54" s="772"/>
      <c r="BQ54" s="817"/>
      <c r="BR54" s="772"/>
      <c r="BS54" s="819"/>
      <c r="BT54" s="819"/>
      <c r="BU54" s="819"/>
      <c r="BV54" s="819"/>
      <c r="BW54" s="819"/>
      <c r="BX54" s="819"/>
      <c r="BY54" s="819"/>
      <c r="BZ54" s="826"/>
      <c r="CA54" s="860"/>
    </row>
    <row r="55" spans="1:80" ht="8.25" customHeight="1" x14ac:dyDescent="0.2">
      <c r="A55" s="869"/>
      <c r="B55" s="870"/>
      <c r="C55" s="871"/>
      <c r="D55" s="293"/>
      <c r="E55" s="9"/>
      <c r="F55" s="772" t="s">
        <v>73</v>
      </c>
      <c r="G55" s="772"/>
      <c r="H55" s="772"/>
      <c r="I55" s="772"/>
      <c r="J55" s="772"/>
      <c r="K55" s="772"/>
      <c r="L55" s="772"/>
      <c r="M55" s="772"/>
      <c r="N55" s="772"/>
      <c r="O55" s="772"/>
      <c r="P55" s="772"/>
      <c r="Q55" s="772"/>
      <c r="R55" s="9"/>
      <c r="S55" s="303"/>
      <c r="T55" s="911" t="s">
        <v>74</v>
      </c>
      <c r="U55" s="818"/>
      <c r="V55" s="824"/>
      <c r="W55" s="891" t="s">
        <v>75</v>
      </c>
      <c r="X55" s="913"/>
      <c r="Y55" s="818" t="s">
        <v>76</v>
      </c>
      <c r="Z55" s="818"/>
      <c r="AA55" s="824"/>
      <c r="AB55" s="891" t="s">
        <v>75</v>
      </c>
      <c r="AC55" s="892"/>
      <c r="AD55" s="930" t="s">
        <v>77</v>
      </c>
      <c r="AE55" s="931"/>
      <c r="AF55" s="931"/>
      <c r="AG55" s="931"/>
      <c r="AH55" s="931"/>
      <c r="AI55" s="931"/>
      <c r="AJ55" s="931"/>
      <c r="AK55" s="932"/>
      <c r="AL55" s="890" t="s">
        <v>189</v>
      </c>
      <c r="AM55" s="839"/>
      <c r="AN55" s="839"/>
      <c r="AO55" s="839"/>
      <c r="AP55" s="816" t="s">
        <v>78</v>
      </c>
      <c r="AQ55" s="818" t="s">
        <v>79</v>
      </c>
      <c r="AR55" s="818"/>
      <c r="AS55" s="818"/>
      <c r="AT55" s="818"/>
      <c r="AU55" s="818"/>
      <c r="AV55" s="818"/>
      <c r="AW55" s="818"/>
      <c r="AX55" s="818"/>
      <c r="AY55" s="818"/>
      <c r="AZ55" s="818"/>
      <c r="BA55" s="818"/>
      <c r="BB55" s="818"/>
      <c r="BC55" s="818"/>
      <c r="BD55" s="830" t="s">
        <v>80</v>
      </c>
      <c r="BE55" s="787" t="s">
        <v>81</v>
      </c>
      <c r="BF55" s="857" t="s">
        <v>82</v>
      </c>
      <c r="BG55" s="787" t="s">
        <v>78</v>
      </c>
      <c r="BH55" s="857" t="s">
        <v>219</v>
      </c>
      <c r="BI55" s="868" t="s">
        <v>83</v>
      </c>
      <c r="BJ55" s="772"/>
      <c r="BK55" s="772"/>
      <c r="BL55" s="772"/>
      <c r="BM55" s="772"/>
      <c r="BN55" s="772"/>
      <c r="BO55" s="772"/>
      <c r="BP55" s="772"/>
      <c r="BQ55" s="817"/>
      <c r="BR55" s="816" t="s">
        <v>84</v>
      </c>
      <c r="BS55" s="818" t="s">
        <v>106</v>
      </c>
      <c r="BT55" s="818"/>
      <c r="BU55" s="818"/>
      <c r="BV55" s="818"/>
      <c r="BW55" s="818"/>
      <c r="BX55" s="818"/>
      <c r="BY55" s="818"/>
      <c r="BZ55" s="826"/>
      <c r="CA55" s="860"/>
    </row>
    <row r="56" spans="1:80" ht="8.25" customHeight="1" x14ac:dyDescent="0.2">
      <c r="A56" s="869"/>
      <c r="B56" s="870"/>
      <c r="C56" s="871"/>
      <c r="D56" s="293"/>
      <c r="E56" s="9"/>
      <c r="F56" s="772"/>
      <c r="G56" s="772"/>
      <c r="H56" s="772"/>
      <c r="I56" s="772"/>
      <c r="J56" s="772"/>
      <c r="K56" s="772"/>
      <c r="L56" s="772"/>
      <c r="M56" s="772"/>
      <c r="N56" s="772"/>
      <c r="O56" s="772"/>
      <c r="P56" s="772"/>
      <c r="Q56" s="772"/>
      <c r="R56" s="9"/>
      <c r="S56" s="303"/>
      <c r="T56" s="912"/>
      <c r="U56" s="772"/>
      <c r="V56" s="773"/>
      <c r="W56" s="893"/>
      <c r="X56" s="914"/>
      <c r="Y56" s="772"/>
      <c r="Z56" s="772"/>
      <c r="AA56" s="773"/>
      <c r="AB56" s="893"/>
      <c r="AC56" s="894"/>
      <c r="AD56" s="933"/>
      <c r="AE56" s="934"/>
      <c r="AF56" s="934"/>
      <c r="AG56" s="934"/>
      <c r="AH56" s="934"/>
      <c r="AI56" s="934"/>
      <c r="AJ56" s="934"/>
      <c r="AK56" s="935"/>
      <c r="AL56" s="840"/>
      <c r="AM56" s="841"/>
      <c r="AN56" s="841"/>
      <c r="AO56" s="842"/>
      <c r="AP56" s="817"/>
      <c r="AQ56" s="772"/>
      <c r="AR56" s="772"/>
      <c r="AS56" s="772"/>
      <c r="AT56" s="772"/>
      <c r="AU56" s="772"/>
      <c r="AV56" s="772"/>
      <c r="AW56" s="772"/>
      <c r="AX56" s="772"/>
      <c r="AY56" s="772"/>
      <c r="AZ56" s="772"/>
      <c r="BA56" s="772"/>
      <c r="BB56" s="772"/>
      <c r="BC56" s="772"/>
      <c r="BD56" s="826"/>
      <c r="BE56" s="788"/>
      <c r="BF56" s="858"/>
      <c r="BG56" s="788"/>
      <c r="BH56" s="858"/>
      <c r="BI56" s="860"/>
      <c r="BJ56" s="772" t="s">
        <v>85</v>
      </c>
      <c r="BK56" s="772"/>
      <c r="BL56" s="772"/>
      <c r="BM56" s="772"/>
      <c r="BN56" s="772"/>
      <c r="BO56" s="772"/>
      <c r="BP56" s="772"/>
      <c r="BQ56" s="817"/>
      <c r="BR56" s="817"/>
      <c r="BS56" s="772"/>
      <c r="BT56" s="772"/>
      <c r="BU56" s="772"/>
      <c r="BV56" s="772"/>
      <c r="BW56" s="772"/>
      <c r="BX56" s="772"/>
      <c r="BY56" s="772"/>
      <c r="BZ56" s="826"/>
      <c r="CA56" s="860"/>
    </row>
    <row r="57" spans="1:80" ht="8.25" customHeight="1" x14ac:dyDescent="0.2">
      <c r="A57" s="869"/>
      <c r="B57" s="870"/>
      <c r="C57" s="871"/>
      <c r="D57" s="293"/>
      <c r="E57" s="9"/>
      <c r="F57" s="9"/>
      <c r="G57" s="9"/>
      <c r="H57" s="9"/>
      <c r="I57" s="9"/>
      <c r="J57" s="9"/>
      <c r="K57" s="9"/>
      <c r="L57" s="9"/>
      <c r="M57" s="9"/>
      <c r="N57" s="9"/>
      <c r="O57" s="9"/>
      <c r="P57" s="9"/>
      <c r="Q57" s="9"/>
      <c r="R57" s="9"/>
      <c r="S57" s="303"/>
      <c r="T57" s="912"/>
      <c r="U57" s="772"/>
      <c r="V57" s="773"/>
      <c r="W57" s="893"/>
      <c r="X57" s="914"/>
      <c r="Y57" s="772"/>
      <c r="Z57" s="772"/>
      <c r="AA57" s="773"/>
      <c r="AB57" s="893"/>
      <c r="AC57" s="894"/>
      <c r="AD57" s="933"/>
      <c r="AE57" s="934"/>
      <c r="AF57" s="934"/>
      <c r="AG57" s="934"/>
      <c r="AH57" s="934"/>
      <c r="AI57" s="934"/>
      <c r="AJ57" s="934"/>
      <c r="AK57" s="935"/>
      <c r="AL57" s="840"/>
      <c r="AM57" s="841"/>
      <c r="AN57" s="841"/>
      <c r="AO57" s="842"/>
      <c r="AP57" s="817"/>
      <c r="AQ57" s="772"/>
      <c r="AR57" s="772"/>
      <c r="AS57" s="772"/>
      <c r="AT57" s="772"/>
      <c r="AU57" s="772"/>
      <c r="AV57" s="772"/>
      <c r="AW57" s="772"/>
      <c r="AX57" s="772"/>
      <c r="AY57" s="772"/>
      <c r="AZ57" s="772"/>
      <c r="BA57" s="772"/>
      <c r="BB57" s="772"/>
      <c r="BC57" s="772"/>
      <c r="BD57" s="826"/>
      <c r="BE57" s="788"/>
      <c r="BF57" s="858"/>
      <c r="BG57" s="788"/>
      <c r="BH57" s="858"/>
      <c r="BI57" s="860"/>
      <c r="BJ57" s="772"/>
      <c r="BK57" s="772"/>
      <c r="BL57" s="772"/>
      <c r="BM57" s="772"/>
      <c r="BN57" s="772"/>
      <c r="BO57" s="772"/>
      <c r="BP57" s="772"/>
      <c r="BQ57" s="817"/>
      <c r="BR57" s="817"/>
      <c r="BS57" s="772"/>
      <c r="BT57" s="772"/>
      <c r="BU57" s="772"/>
      <c r="BV57" s="772"/>
      <c r="BW57" s="772"/>
      <c r="BX57" s="772"/>
      <c r="BY57" s="772"/>
      <c r="BZ57" s="826"/>
      <c r="CA57" s="860"/>
    </row>
    <row r="58" spans="1:80" ht="8.25" hidden="1" customHeight="1" x14ac:dyDescent="0.2">
      <c r="A58" s="12">
        <v>8</v>
      </c>
      <c r="B58" s="14"/>
      <c r="C58" s="13">
        <v>10</v>
      </c>
      <c r="D58" s="294">
        <v>13</v>
      </c>
      <c r="E58" s="14"/>
      <c r="F58" s="14"/>
      <c r="G58" s="14"/>
      <c r="H58" s="14"/>
      <c r="I58" s="14"/>
      <c r="J58" s="14"/>
      <c r="K58" s="14"/>
      <c r="L58" s="14"/>
      <c r="M58" s="14"/>
      <c r="N58" s="14"/>
      <c r="O58" s="14"/>
      <c r="P58" s="14"/>
      <c r="Q58" s="14"/>
      <c r="R58" s="14"/>
      <c r="S58" s="295">
        <v>28</v>
      </c>
      <c r="T58" s="296"/>
      <c r="U58" s="288"/>
      <c r="V58" s="288"/>
      <c r="W58" s="12">
        <v>29</v>
      </c>
      <c r="X58" s="295">
        <v>30</v>
      </c>
      <c r="Y58" s="288"/>
      <c r="Z58" s="22"/>
      <c r="AA58" s="22"/>
      <c r="AB58" s="12">
        <v>31</v>
      </c>
      <c r="AC58" s="13">
        <v>32</v>
      </c>
      <c r="AD58" s="25"/>
      <c r="AE58" s="25"/>
      <c r="AF58" s="25"/>
      <c r="AG58" s="25"/>
      <c r="AH58" s="21"/>
      <c r="AI58" s="22"/>
      <c r="AJ58" s="22"/>
      <c r="AK58" s="23"/>
      <c r="AL58" s="811" t="s">
        <v>104</v>
      </c>
      <c r="AM58" s="812"/>
      <c r="AN58" s="812"/>
      <c r="AO58" s="812"/>
      <c r="AP58" s="297">
        <v>33</v>
      </c>
      <c r="AQ58" s="28">
        <v>34</v>
      </c>
      <c r="AR58" s="27"/>
      <c r="AS58" s="24">
        <v>36</v>
      </c>
      <c r="AT58" s="27"/>
      <c r="AU58" s="28">
        <v>37</v>
      </c>
      <c r="AV58" s="27"/>
      <c r="AW58" s="24">
        <v>39</v>
      </c>
      <c r="AX58" s="27"/>
      <c r="AY58" s="28">
        <v>40</v>
      </c>
      <c r="AZ58" s="27"/>
      <c r="BA58" s="27"/>
      <c r="BB58" s="27"/>
      <c r="BC58" s="24">
        <v>44</v>
      </c>
      <c r="BD58" s="796">
        <v>45</v>
      </c>
      <c r="BE58" s="797"/>
      <c r="BF58" s="798">
        <v>46</v>
      </c>
      <c r="BG58" s="797"/>
      <c r="BH58" s="12">
        <v>47</v>
      </c>
      <c r="BI58" s="295">
        <v>48</v>
      </c>
      <c r="BJ58" s="14"/>
      <c r="BK58" s="14"/>
      <c r="BL58" s="14"/>
      <c r="BM58" s="14"/>
      <c r="BN58" s="14"/>
      <c r="BO58" s="14"/>
      <c r="BP58" s="14"/>
      <c r="BQ58" s="297">
        <v>49</v>
      </c>
      <c r="BR58" s="297">
        <v>50</v>
      </c>
      <c r="BS58" s="287"/>
      <c r="BT58" s="40"/>
      <c r="BU58" s="40"/>
      <c r="BV58" s="40"/>
      <c r="BW58" s="40"/>
      <c r="BX58" s="40"/>
      <c r="BY58" s="287"/>
      <c r="BZ58" s="796">
        <v>51</v>
      </c>
      <c r="CA58" s="861"/>
    </row>
    <row r="59" spans="1:80" ht="8.25" customHeight="1" x14ac:dyDescent="0.2">
      <c r="A59" s="844"/>
      <c r="B59" s="938"/>
      <c r="C59" s="847"/>
      <c r="D59" s="944"/>
      <c r="E59" s="915"/>
      <c r="F59" s="915"/>
      <c r="G59" s="915"/>
      <c r="H59" s="915"/>
      <c r="I59" s="915"/>
      <c r="J59" s="915"/>
      <c r="K59" s="915"/>
      <c r="L59" s="915"/>
      <c r="M59" s="915"/>
      <c r="N59" s="915"/>
      <c r="O59" s="915"/>
      <c r="P59" s="915"/>
      <c r="Q59" s="915"/>
      <c r="R59" s="915"/>
      <c r="S59" s="988"/>
      <c r="T59" s="947"/>
      <c r="U59" s="924"/>
      <c r="V59" s="925"/>
      <c r="W59" s="844"/>
      <c r="X59" s="941"/>
      <c r="Y59" s="924"/>
      <c r="Z59" s="924"/>
      <c r="AA59" s="925"/>
      <c r="AB59" s="844"/>
      <c r="AC59" s="847"/>
      <c r="AD59" s="891"/>
      <c r="AE59" s="919"/>
      <c r="AF59" s="919"/>
      <c r="AG59" s="919"/>
      <c r="AH59" s="919"/>
      <c r="AI59" s="919"/>
      <c r="AJ59" s="919"/>
      <c r="AK59" s="892"/>
      <c r="AL59" s="838"/>
      <c r="AM59" s="839"/>
      <c r="AN59" s="839"/>
      <c r="AO59" s="839"/>
      <c r="AP59" s="789"/>
      <c r="AQ59" s="953"/>
      <c r="AR59" s="799"/>
      <c r="AS59" s="802"/>
      <c r="AT59" s="29"/>
      <c r="AU59" s="835"/>
      <c r="AV59" s="799"/>
      <c r="AW59" s="802"/>
      <c r="AX59" s="29"/>
      <c r="AY59" s="835"/>
      <c r="AZ59" s="799"/>
      <c r="BA59" s="799"/>
      <c r="BB59" s="799"/>
      <c r="BC59" s="862"/>
      <c r="BD59" s="827"/>
      <c r="BE59" s="865"/>
      <c r="BF59" s="805"/>
      <c r="BG59" s="865"/>
      <c r="BH59" s="805"/>
      <c r="BI59" s="806"/>
      <c r="BJ59" s="792"/>
      <c r="BK59" s="792"/>
      <c r="BL59" s="792"/>
      <c r="BM59" s="792"/>
      <c r="BN59" s="792"/>
      <c r="BO59" s="792"/>
      <c r="BP59" s="792"/>
      <c r="BQ59" s="789"/>
      <c r="BR59" s="298"/>
      <c r="BS59" s="792"/>
      <c r="BT59" s="792"/>
      <c r="BU59" s="792"/>
      <c r="BV59" s="792"/>
      <c r="BW59" s="792"/>
      <c r="BX59" s="792"/>
      <c r="BY59" s="792"/>
      <c r="BZ59" s="827"/>
      <c r="CA59" s="806"/>
    </row>
    <row r="60" spans="1:80" ht="8.25" customHeight="1" x14ac:dyDescent="0.2">
      <c r="A60" s="845"/>
      <c r="B60" s="939"/>
      <c r="C60" s="848"/>
      <c r="D60" s="945"/>
      <c r="E60" s="916"/>
      <c r="F60" s="916"/>
      <c r="G60" s="916"/>
      <c r="H60" s="916"/>
      <c r="I60" s="916"/>
      <c r="J60" s="916"/>
      <c r="K60" s="916"/>
      <c r="L60" s="916"/>
      <c r="M60" s="916"/>
      <c r="N60" s="916"/>
      <c r="O60" s="916"/>
      <c r="P60" s="916"/>
      <c r="Q60" s="916"/>
      <c r="R60" s="916"/>
      <c r="S60" s="989"/>
      <c r="T60" s="948"/>
      <c r="U60" s="926"/>
      <c r="V60" s="927"/>
      <c r="W60" s="845"/>
      <c r="X60" s="942"/>
      <c r="Y60" s="926"/>
      <c r="Z60" s="926"/>
      <c r="AA60" s="927"/>
      <c r="AB60" s="845"/>
      <c r="AC60" s="848"/>
      <c r="AD60" s="893"/>
      <c r="AE60" s="920"/>
      <c r="AF60" s="920"/>
      <c r="AG60" s="920"/>
      <c r="AH60" s="920"/>
      <c r="AI60" s="920"/>
      <c r="AJ60" s="920"/>
      <c r="AK60" s="894"/>
      <c r="AL60" s="840"/>
      <c r="AM60" s="841"/>
      <c r="AN60" s="841"/>
      <c r="AO60" s="842"/>
      <c r="AP60" s="790"/>
      <c r="AQ60" s="954"/>
      <c r="AR60" s="800"/>
      <c r="AS60" s="803"/>
      <c r="AT60" s="30" t="s">
        <v>86</v>
      </c>
      <c r="AU60" s="836"/>
      <c r="AV60" s="800"/>
      <c r="AW60" s="803"/>
      <c r="AX60" s="30" t="s">
        <v>86</v>
      </c>
      <c r="AY60" s="836"/>
      <c r="AZ60" s="800"/>
      <c r="BA60" s="800"/>
      <c r="BB60" s="800"/>
      <c r="BC60" s="863"/>
      <c r="BD60" s="828"/>
      <c r="BE60" s="866"/>
      <c r="BF60" s="807"/>
      <c r="BG60" s="866"/>
      <c r="BH60" s="807"/>
      <c r="BI60" s="808"/>
      <c r="BJ60" s="793"/>
      <c r="BK60" s="793"/>
      <c r="BL60" s="793"/>
      <c r="BM60" s="793"/>
      <c r="BN60" s="793"/>
      <c r="BO60" s="793"/>
      <c r="BP60" s="793"/>
      <c r="BQ60" s="790"/>
      <c r="BR60" s="299"/>
      <c r="BS60" s="793"/>
      <c r="BT60" s="793"/>
      <c r="BU60" s="793"/>
      <c r="BV60" s="793"/>
      <c r="BW60" s="793"/>
      <c r="BX60" s="793"/>
      <c r="BY60" s="793"/>
      <c r="BZ60" s="828"/>
      <c r="CA60" s="808"/>
    </row>
    <row r="61" spans="1:80" ht="8.25" customHeight="1" thickBot="1" x14ac:dyDescent="0.25">
      <c r="A61" s="846"/>
      <c r="B61" s="940"/>
      <c r="C61" s="849"/>
      <c r="D61" s="946"/>
      <c r="E61" s="917"/>
      <c r="F61" s="917"/>
      <c r="G61" s="917"/>
      <c r="H61" s="917"/>
      <c r="I61" s="917"/>
      <c r="J61" s="917"/>
      <c r="K61" s="917"/>
      <c r="L61" s="917"/>
      <c r="M61" s="917"/>
      <c r="N61" s="917"/>
      <c r="O61" s="917"/>
      <c r="P61" s="917"/>
      <c r="Q61" s="917"/>
      <c r="R61" s="917"/>
      <c r="S61" s="990"/>
      <c r="T61" s="949"/>
      <c r="U61" s="950"/>
      <c r="V61" s="951"/>
      <c r="W61" s="952"/>
      <c r="X61" s="943"/>
      <c r="Y61" s="928"/>
      <c r="Z61" s="928"/>
      <c r="AA61" s="929"/>
      <c r="AB61" s="846"/>
      <c r="AC61" s="849"/>
      <c r="AD61" s="921"/>
      <c r="AE61" s="922"/>
      <c r="AF61" s="922"/>
      <c r="AG61" s="922"/>
      <c r="AH61" s="922"/>
      <c r="AI61" s="922"/>
      <c r="AJ61" s="922"/>
      <c r="AK61" s="923"/>
      <c r="AL61" s="843"/>
      <c r="AM61" s="812"/>
      <c r="AN61" s="812"/>
      <c r="AO61" s="812"/>
      <c r="AP61" s="791"/>
      <c r="AQ61" s="955"/>
      <c r="AR61" s="801"/>
      <c r="AS61" s="804"/>
      <c r="AT61" s="31"/>
      <c r="AU61" s="918"/>
      <c r="AV61" s="801"/>
      <c r="AW61" s="804"/>
      <c r="AX61" s="31"/>
      <c r="AY61" s="918"/>
      <c r="AZ61" s="801"/>
      <c r="BA61" s="801"/>
      <c r="BB61" s="801"/>
      <c r="BC61" s="864"/>
      <c r="BD61" s="829"/>
      <c r="BE61" s="867"/>
      <c r="BF61" s="809"/>
      <c r="BG61" s="867"/>
      <c r="BH61" s="809"/>
      <c r="BI61" s="810"/>
      <c r="BJ61" s="794"/>
      <c r="BK61" s="794"/>
      <c r="BL61" s="794"/>
      <c r="BM61" s="794"/>
      <c r="BN61" s="794"/>
      <c r="BO61" s="794"/>
      <c r="BP61" s="794"/>
      <c r="BQ61" s="791"/>
      <c r="BR61" s="300"/>
      <c r="BS61" s="794"/>
      <c r="BT61" s="794"/>
      <c r="BU61" s="794"/>
      <c r="BV61" s="794"/>
      <c r="BW61" s="794"/>
      <c r="BX61" s="794"/>
      <c r="BY61" s="794"/>
      <c r="BZ61" s="829"/>
      <c r="CA61" s="810"/>
    </row>
    <row r="62" spans="1:80" ht="6" customHeight="1" thickBot="1" x14ac:dyDescent="0.25"/>
    <row r="63" spans="1:80" ht="8.25" customHeight="1" x14ac:dyDescent="0.2">
      <c r="D63" s="291"/>
      <c r="E63" s="292"/>
      <c r="F63" s="292"/>
      <c r="G63" s="292"/>
      <c r="H63" s="292"/>
      <c r="I63" s="292"/>
      <c r="J63" s="292"/>
      <c r="K63" s="292"/>
      <c r="L63" s="292"/>
      <c r="M63" s="292"/>
      <c r="N63" s="292"/>
      <c r="O63" s="292"/>
      <c r="P63" s="301"/>
      <c r="Q63" s="888" t="s">
        <v>87</v>
      </c>
      <c r="R63" s="872" t="s">
        <v>88</v>
      </c>
      <c r="S63" s="873"/>
      <c r="T63" s="873"/>
      <c r="U63" s="873"/>
      <c r="V63" s="873"/>
      <c r="W63" s="873"/>
      <c r="X63" s="874"/>
      <c r="Y63" s="872" t="s">
        <v>89</v>
      </c>
      <c r="Z63" s="873"/>
      <c r="AA63" s="873"/>
      <c r="AB63" s="873"/>
      <c r="AC63" s="873"/>
      <c r="AD63" s="873"/>
      <c r="AE63" s="879"/>
      <c r="AF63" s="7"/>
      <c r="AG63" s="7"/>
      <c r="AH63" s="7"/>
      <c r="AI63" s="7"/>
      <c r="AJ63" s="7"/>
      <c r="AK63" s="7"/>
      <c r="AL63" s="8"/>
      <c r="AM63" s="7"/>
      <c r="AN63" s="7"/>
      <c r="AO63" s="7"/>
      <c r="AP63" s="7"/>
      <c r="AQ63" s="7"/>
      <c r="AR63" s="7"/>
      <c r="AS63" s="15"/>
      <c r="AT63" s="7"/>
      <c r="AU63" s="7"/>
      <c r="AV63" s="7"/>
      <c r="AW63" s="7"/>
      <c r="AX63" s="8"/>
      <c r="AY63" s="7"/>
      <c r="AZ63" s="7"/>
      <c r="BA63" s="7"/>
      <c r="BB63" s="7"/>
      <c r="BC63" s="7"/>
      <c r="BD63" s="8"/>
      <c r="BE63" s="7"/>
      <c r="BF63" s="7"/>
      <c r="BG63" s="7"/>
      <c r="BH63" s="7"/>
      <c r="BI63" s="7"/>
      <c r="BJ63" s="8"/>
      <c r="BK63" s="15"/>
      <c r="BL63" s="7"/>
      <c r="BM63" s="7"/>
      <c r="BN63" s="7"/>
      <c r="BO63" s="7"/>
      <c r="BP63" s="7"/>
      <c r="BQ63" s="7"/>
      <c r="BR63" s="15"/>
      <c r="BS63" s="7"/>
      <c r="BT63" s="7"/>
      <c r="BU63" s="7"/>
      <c r="BV63" s="7"/>
      <c r="BW63" s="7"/>
      <c r="BX63" s="7"/>
      <c r="BY63" s="8"/>
      <c r="BZ63" s="766" t="s">
        <v>90</v>
      </c>
      <c r="CA63" s="32"/>
      <c r="CB63" s="32"/>
    </row>
    <row r="64" spans="1:80" ht="8.25" customHeight="1" x14ac:dyDescent="0.2">
      <c r="D64" s="293"/>
      <c r="E64" s="9"/>
      <c r="F64" s="9"/>
      <c r="G64" s="9"/>
      <c r="H64" s="9"/>
      <c r="I64" s="9"/>
      <c r="J64" s="9"/>
      <c r="K64" s="9"/>
      <c r="L64" s="9"/>
      <c r="M64" s="9"/>
      <c r="N64" s="9"/>
      <c r="O64" s="9"/>
      <c r="P64" s="10"/>
      <c r="Q64" s="889"/>
      <c r="R64" s="875"/>
      <c r="S64" s="819"/>
      <c r="T64" s="819"/>
      <c r="U64" s="819"/>
      <c r="V64" s="819"/>
      <c r="W64" s="819"/>
      <c r="X64" s="876"/>
      <c r="Y64" s="875"/>
      <c r="Z64" s="819"/>
      <c r="AA64" s="819"/>
      <c r="AB64" s="819"/>
      <c r="AC64" s="819"/>
      <c r="AD64" s="819"/>
      <c r="AE64" s="881"/>
      <c r="AF64" s="772" t="s">
        <v>91</v>
      </c>
      <c r="AG64" s="772"/>
      <c r="AH64" s="772"/>
      <c r="AI64" s="772"/>
      <c r="AJ64" s="772"/>
      <c r="AK64" s="772"/>
      <c r="AL64" s="773"/>
      <c r="AM64" s="768" t="s">
        <v>218</v>
      </c>
      <c r="AN64" s="769"/>
      <c r="AO64" s="769"/>
      <c r="AP64" s="769"/>
      <c r="AQ64" s="769"/>
      <c r="AR64" s="770"/>
      <c r="AS64" s="17"/>
      <c r="AT64" s="9"/>
      <c r="AU64" s="9"/>
      <c r="AV64" s="9"/>
      <c r="AW64" s="9"/>
      <c r="AX64" s="10"/>
      <c r="AY64" s="9"/>
      <c r="AZ64" s="9"/>
      <c r="BA64" s="9"/>
      <c r="BB64" s="9"/>
      <c r="BC64" s="9"/>
      <c r="BD64" s="10"/>
      <c r="BE64" s="9"/>
      <c r="BF64" s="9"/>
      <c r="BG64" s="9"/>
      <c r="BH64" s="9"/>
      <c r="BI64" s="9"/>
      <c r="BJ64" s="10"/>
      <c r="BK64" s="17"/>
      <c r="BL64" s="9"/>
      <c r="BM64" s="9"/>
      <c r="BN64" s="9"/>
      <c r="BO64" s="9"/>
      <c r="BP64" s="9"/>
      <c r="BQ64" s="9"/>
      <c r="BR64" s="771" t="s">
        <v>92</v>
      </c>
      <c r="BS64" s="772"/>
      <c r="BT64" s="772"/>
      <c r="BU64" s="772"/>
      <c r="BV64" s="772"/>
      <c r="BW64" s="772"/>
      <c r="BX64" s="772"/>
      <c r="BY64" s="773"/>
      <c r="BZ64" s="767"/>
      <c r="CA64" s="32"/>
      <c r="CB64" s="32"/>
    </row>
    <row r="65" spans="1:84" ht="8.25" customHeight="1" x14ac:dyDescent="0.2">
      <c r="D65" s="293"/>
      <c r="E65" s="870" t="s">
        <v>93</v>
      </c>
      <c r="F65" s="772"/>
      <c r="G65" s="772"/>
      <c r="H65" s="772"/>
      <c r="I65" s="772"/>
      <c r="J65" s="772"/>
      <c r="K65" s="772"/>
      <c r="L65" s="772"/>
      <c r="M65" s="772"/>
      <c r="N65" s="772"/>
      <c r="O65" s="772"/>
      <c r="P65" s="10"/>
      <c r="Q65" s="889"/>
      <c r="R65" s="831" t="s">
        <v>94</v>
      </c>
      <c r="S65" s="823" t="s">
        <v>95</v>
      </c>
      <c r="T65" s="824"/>
      <c r="U65" s="823" t="s">
        <v>96</v>
      </c>
      <c r="V65" s="824"/>
      <c r="W65" s="823" t="s">
        <v>97</v>
      </c>
      <c r="X65" s="824"/>
      <c r="Y65" s="831" t="s">
        <v>94</v>
      </c>
      <c r="Z65" s="823" t="s">
        <v>95</v>
      </c>
      <c r="AA65" s="824"/>
      <c r="AB65" s="823" t="s">
        <v>96</v>
      </c>
      <c r="AC65" s="824"/>
      <c r="AD65" s="823" t="s">
        <v>97</v>
      </c>
      <c r="AE65" s="833"/>
      <c r="AF65" s="772"/>
      <c r="AG65" s="772"/>
      <c r="AH65" s="772"/>
      <c r="AI65" s="772"/>
      <c r="AJ65" s="772"/>
      <c r="AK65" s="772"/>
      <c r="AL65" s="773"/>
      <c r="AM65" s="768"/>
      <c r="AN65" s="769"/>
      <c r="AO65" s="769"/>
      <c r="AP65" s="769"/>
      <c r="AQ65" s="769"/>
      <c r="AR65" s="770"/>
      <c r="AS65" s="774" t="s">
        <v>98</v>
      </c>
      <c r="AT65" s="775"/>
      <c r="AU65" s="775"/>
      <c r="AV65" s="775"/>
      <c r="AW65" s="775"/>
      <c r="AX65" s="776"/>
      <c r="AY65" s="777" t="s">
        <v>216</v>
      </c>
      <c r="AZ65" s="778"/>
      <c r="BA65" s="778"/>
      <c r="BB65" s="778"/>
      <c r="BC65" s="778"/>
      <c r="BD65" s="779"/>
      <c r="BE65" s="780" t="s">
        <v>217</v>
      </c>
      <c r="BF65" s="781"/>
      <c r="BG65" s="781"/>
      <c r="BH65" s="781"/>
      <c r="BI65" s="781"/>
      <c r="BJ65" s="782"/>
      <c r="BK65" s="771" t="s">
        <v>99</v>
      </c>
      <c r="BL65" s="772"/>
      <c r="BM65" s="772"/>
      <c r="BN65" s="772"/>
      <c r="BO65" s="772"/>
      <c r="BP65" s="772"/>
      <c r="BQ65" s="773"/>
      <c r="BR65" s="771"/>
      <c r="BS65" s="772"/>
      <c r="BT65" s="772"/>
      <c r="BU65" s="772"/>
      <c r="BV65" s="772"/>
      <c r="BW65" s="772"/>
      <c r="BX65" s="772"/>
      <c r="BY65" s="773"/>
      <c r="BZ65" s="767"/>
      <c r="CA65" s="32"/>
      <c r="CB65" s="32"/>
    </row>
    <row r="66" spans="1:84" ht="13.95" customHeight="1" x14ac:dyDescent="0.2">
      <c r="D66" s="293"/>
      <c r="E66" s="772"/>
      <c r="F66" s="772"/>
      <c r="G66" s="772"/>
      <c r="H66" s="772"/>
      <c r="I66" s="772"/>
      <c r="J66" s="772"/>
      <c r="K66" s="772"/>
      <c r="L66" s="772"/>
      <c r="M66" s="772"/>
      <c r="N66" s="772"/>
      <c r="O66" s="772"/>
      <c r="P66" s="10"/>
      <c r="Q66" s="889"/>
      <c r="R66" s="832"/>
      <c r="S66" s="771"/>
      <c r="T66" s="773"/>
      <c r="U66" s="771"/>
      <c r="V66" s="773"/>
      <c r="W66" s="771"/>
      <c r="X66" s="773"/>
      <c r="Y66" s="832"/>
      <c r="Z66" s="771"/>
      <c r="AA66" s="773"/>
      <c r="AB66" s="771"/>
      <c r="AC66" s="773"/>
      <c r="AD66" s="771"/>
      <c r="AE66" s="834"/>
      <c r="AF66" s="775" t="s">
        <v>100</v>
      </c>
      <c r="AG66" s="775"/>
      <c r="AH66" s="775"/>
      <c r="AI66" s="775"/>
      <c r="AJ66" s="775"/>
      <c r="AK66" s="775"/>
      <c r="AL66" s="776"/>
      <c r="AM66" s="783" t="s">
        <v>220</v>
      </c>
      <c r="AN66" s="784"/>
      <c r="AO66" s="784"/>
      <c r="AP66" s="784"/>
      <c r="AQ66" s="784"/>
      <c r="AR66" s="785"/>
      <c r="AS66" s="774"/>
      <c r="AT66" s="775"/>
      <c r="AU66" s="775"/>
      <c r="AV66" s="775"/>
      <c r="AW66" s="775"/>
      <c r="AX66" s="776"/>
      <c r="AY66" s="777"/>
      <c r="AZ66" s="778"/>
      <c r="BA66" s="778"/>
      <c r="BB66" s="778"/>
      <c r="BC66" s="778"/>
      <c r="BD66" s="779"/>
      <c r="BE66" s="780"/>
      <c r="BF66" s="781"/>
      <c r="BG66" s="781"/>
      <c r="BH66" s="781"/>
      <c r="BI66" s="781"/>
      <c r="BJ66" s="782"/>
      <c r="BK66" s="771"/>
      <c r="BL66" s="772"/>
      <c r="BM66" s="772"/>
      <c r="BN66" s="772"/>
      <c r="BO66" s="772"/>
      <c r="BP66" s="772"/>
      <c r="BQ66" s="773"/>
      <c r="BR66" s="771" t="s">
        <v>101</v>
      </c>
      <c r="BS66" s="772"/>
      <c r="BT66" s="772"/>
      <c r="BU66" s="772"/>
      <c r="BV66" s="772"/>
      <c r="BW66" s="772"/>
      <c r="BX66" s="772"/>
      <c r="BY66" s="773"/>
      <c r="BZ66" s="767"/>
      <c r="CA66" s="32"/>
      <c r="CB66" s="32"/>
    </row>
    <row r="67" spans="1:84" ht="9" customHeight="1" x14ac:dyDescent="0.2">
      <c r="D67" s="293"/>
      <c r="E67" s="885" t="s">
        <v>139</v>
      </c>
      <c r="F67" s="886"/>
      <c r="G67" s="886"/>
      <c r="H67" s="886"/>
      <c r="I67" s="886"/>
      <c r="J67" s="886"/>
      <c r="K67" s="886"/>
      <c r="L67" s="886"/>
      <c r="M67" s="886"/>
      <c r="N67" s="886"/>
      <c r="O67" s="9"/>
      <c r="P67" s="10"/>
      <c r="Q67" s="889"/>
      <c r="R67" s="832"/>
      <c r="S67" s="771"/>
      <c r="T67" s="773"/>
      <c r="U67" s="771"/>
      <c r="V67" s="773"/>
      <c r="W67" s="771"/>
      <c r="X67" s="773"/>
      <c r="Y67" s="832"/>
      <c r="Z67" s="771"/>
      <c r="AA67" s="773"/>
      <c r="AB67" s="771"/>
      <c r="AC67" s="773"/>
      <c r="AD67" s="771"/>
      <c r="AE67" s="834"/>
      <c r="AF67" s="775"/>
      <c r="AG67" s="775"/>
      <c r="AH67" s="775"/>
      <c r="AI67" s="775"/>
      <c r="AJ67" s="775"/>
      <c r="AK67" s="775"/>
      <c r="AL67" s="776"/>
      <c r="AM67" s="783"/>
      <c r="AN67" s="784"/>
      <c r="AO67" s="784"/>
      <c r="AP67" s="784"/>
      <c r="AQ67" s="784"/>
      <c r="AR67" s="785"/>
      <c r="AS67" s="18"/>
      <c r="AT67" s="14"/>
      <c r="AU67" s="14"/>
      <c r="AV67" s="14"/>
      <c r="AW67" s="14"/>
      <c r="AX67" s="19"/>
      <c r="AY67" s="9"/>
      <c r="AZ67" s="9"/>
      <c r="BA67" s="9"/>
      <c r="BB67" s="9"/>
      <c r="BC67" s="9"/>
      <c r="BD67" s="10"/>
      <c r="BE67" s="9"/>
      <c r="BF67" s="9"/>
      <c r="BG67" s="9"/>
      <c r="BH67" s="9"/>
      <c r="BI67" s="9"/>
      <c r="BJ67" s="10"/>
      <c r="BK67" s="17"/>
      <c r="BL67" s="9"/>
      <c r="BM67" s="9"/>
      <c r="BN67" s="9"/>
      <c r="BO67" s="9"/>
      <c r="BP67" s="9"/>
      <c r="BQ67" s="9"/>
      <c r="BR67" s="771"/>
      <c r="BS67" s="772"/>
      <c r="BT67" s="772"/>
      <c r="BU67" s="772"/>
      <c r="BV67" s="772"/>
      <c r="BW67" s="772"/>
      <c r="BX67" s="772"/>
      <c r="BY67" s="773"/>
      <c r="BZ67" s="767"/>
      <c r="CA67" s="32"/>
      <c r="CB67" s="32"/>
    </row>
    <row r="68" spans="1:84" ht="0.45" customHeight="1" x14ac:dyDescent="0.2">
      <c r="D68" s="294">
        <v>13</v>
      </c>
      <c r="E68" s="887"/>
      <c r="F68" s="887"/>
      <c r="G68" s="887"/>
      <c r="H68" s="887"/>
      <c r="I68" s="887"/>
      <c r="J68" s="887"/>
      <c r="K68" s="887"/>
      <c r="L68" s="887"/>
      <c r="M68" s="887"/>
      <c r="N68" s="887"/>
      <c r="O68" s="14"/>
      <c r="P68" s="13">
        <v>25</v>
      </c>
      <c r="Q68" s="342">
        <v>26</v>
      </c>
      <c r="R68" s="26">
        <v>27</v>
      </c>
      <c r="S68" s="12">
        <v>28</v>
      </c>
      <c r="T68" s="13">
        <v>29</v>
      </c>
      <c r="U68" s="12">
        <v>30</v>
      </c>
      <c r="V68" s="13">
        <v>31</v>
      </c>
      <c r="W68" s="12">
        <v>32</v>
      </c>
      <c r="X68" s="13">
        <v>33</v>
      </c>
      <c r="Y68" s="26">
        <v>34</v>
      </c>
      <c r="Z68" s="12">
        <v>35</v>
      </c>
      <c r="AA68" s="13">
        <v>36</v>
      </c>
      <c r="AB68" s="12">
        <v>37</v>
      </c>
      <c r="AC68" s="13">
        <v>38</v>
      </c>
      <c r="AD68" s="12">
        <v>39</v>
      </c>
      <c r="AE68" s="295">
        <v>40</v>
      </c>
      <c r="AF68" s="28">
        <v>41</v>
      </c>
      <c r="AG68" s="27"/>
      <c r="AH68" s="27"/>
      <c r="AI68" s="27"/>
      <c r="AJ68" s="27"/>
      <c r="AK68" s="27"/>
      <c r="AL68" s="13">
        <v>47</v>
      </c>
      <c r="AM68" s="24"/>
      <c r="AN68" s="24"/>
      <c r="AO68" s="24"/>
      <c r="AP68" s="24"/>
      <c r="AQ68" s="24"/>
      <c r="AR68" s="24"/>
      <c r="AS68" s="27"/>
      <c r="AT68" s="27"/>
      <c r="AU68" s="27"/>
      <c r="AV68" s="27"/>
      <c r="AW68" s="27"/>
      <c r="AX68" s="13">
        <v>54</v>
      </c>
      <c r="AY68" s="27"/>
      <c r="AZ68" s="27"/>
      <c r="BA68" s="27"/>
      <c r="BB68" s="27"/>
      <c r="BC68" s="27"/>
      <c r="BD68" s="13">
        <v>61</v>
      </c>
      <c r="BE68" s="27"/>
      <c r="BF68" s="27"/>
      <c r="BG68" s="27"/>
      <c r="BH68" s="27"/>
      <c r="BI68" s="27"/>
      <c r="BJ68" s="13">
        <v>68</v>
      </c>
      <c r="BK68" s="12">
        <v>69</v>
      </c>
      <c r="BL68" s="27"/>
      <c r="BM68" s="27"/>
      <c r="BN68" s="27"/>
      <c r="BO68" s="27"/>
      <c r="BP68" s="27"/>
      <c r="BQ68" s="24">
        <v>75</v>
      </c>
      <c r="BR68" s="12">
        <v>76</v>
      </c>
      <c r="BS68" s="27"/>
      <c r="BT68" s="27"/>
      <c r="BU68" s="27"/>
      <c r="BV68" s="27"/>
      <c r="BW68" s="27"/>
      <c r="BX68" s="24"/>
      <c r="BY68" s="13">
        <v>83</v>
      </c>
      <c r="BZ68" s="26">
        <v>84</v>
      </c>
      <c r="CA68" s="35"/>
      <c r="CB68" s="35"/>
      <c r="CC68" s="36"/>
      <c r="CD68" s="36"/>
      <c r="CE68" s="36"/>
      <c r="CF68" s="36"/>
    </row>
    <row r="69" spans="1:84" ht="8.25" customHeight="1" x14ac:dyDescent="0.2">
      <c r="D69" s="882"/>
      <c r="E69" s="799"/>
      <c r="F69" s="799"/>
      <c r="G69" s="799"/>
      <c r="H69" s="799"/>
      <c r="I69" s="799"/>
      <c r="J69" s="799"/>
      <c r="K69" s="799"/>
      <c r="L69" s="799"/>
      <c r="M69" s="799"/>
      <c r="N69" s="799"/>
      <c r="O69" s="799"/>
      <c r="P69" s="802"/>
      <c r="Q69" s="760"/>
      <c r="R69" s="760"/>
      <c r="S69" s="835"/>
      <c r="T69" s="802"/>
      <c r="U69" s="835"/>
      <c r="V69" s="802"/>
      <c r="W69" s="835"/>
      <c r="X69" s="802"/>
      <c r="Y69" s="760"/>
      <c r="Z69" s="835"/>
      <c r="AA69" s="802"/>
      <c r="AB69" s="835"/>
      <c r="AC69" s="802"/>
      <c r="AD69" s="835"/>
      <c r="AE69" s="851"/>
      <c r="AF69" s="854"/>
      <c r="AG69" s="754"/>
      <c r="AH69" s="748"/>
      <c r="AI69" s="37" t="s">
        <v>102</v>
      </c>
      <c r="AJ69" s="754"/>
      <c r="AK69" s="748"/>
      <c r="AL69" s="37" t="s">
        <v>103</v>
      </c>
      <c r="AM69" s="754"/>
      <c r="AN69" s="748"/>
      <c r="AO69" s="37" t="s">
        <v>102</v>
      </c>
      <c r="AP69" s="754"/>
      <c r="AQ69" s="748"/>
      <c r="AR69" s="37" t="s">
        <v>103</v>
      </c>
      <c r="AS69" s="754"/>
      <c r="AT69" s="748"/>
      <c r="AU69" s="37" t="s">
        <v>102</v>
      </c>
      <c r="AV69" s="754"/>
      <c r="AW69" s="748"/>
      <c r="AX69" s="37" t="s">
        <v>103</v>
      </c>
      <c r="AY69" s="754"/>
      <c r="AZ69" s="748"/>
      <c r="BA69" s="37" t="s">
        <v>102</v>
      </c>
      <c r="BB69" s="754"/>
      <c r="BC69" s="748"/>
      <c r="BD69" s="37" t="s">
        <v>103</v>
      </c>
      <c r="BE69" s="754"/>
      <c r="BF69" s="748"/>
      <c r="BG69" s="37" t="s">
        <v>102</v>
      </c>
      <c r="BH69" s="754"/>
      <c r="BI69" s="748"/>
      <c r="BJ69" s="37" t="s">
        <v>103</v>
      </c>
      <c r="BK69" s="751"/>
      <c r="BL69" s="754"/>
      <c r="BM69" s="748"/>
      <c r="BN69" s="37" t="s">
        <v>102</v>
      </c>
      <c r="BO69" s="754"/>
      <c r="BP69" s="748"/>
      <c r="BQ69" s="38" t="s">
        <v>103</v>
      </c>
      <c r="BR69" s="754"/>
      <c r="BS69" s="765"/>
      <c r="BT69" s="754"/>
      <c r="BU69" s="757"/>
      <c r="BV69" s="39" t="s">
        <v>102</v>
      </c>
      <c r="BW69" s="754"/>
      <c r="BX69" s="757"/>
      <c r="BY69" s="39" t="s">
        <v>103</v>
      </c>
      <c r="BZ69" s="760"/>
      <c r="CA69" s="9"/>
      <c r="CB69" s="9"/>
    </row>
    <row r="70" spans="1:84" ht="8.25" customHeight="1" x14ac:dyDescent="0.2">
      <c r="D70" s="883"/>
      <c r="E70" s="800"/>
      <c r="F70" s="800"/>
      <c r="G70" s="800"/>
      <c r="H70" s="800"/>
      <c r="I70" s="800"/>
      <c r="J70" s="800"/>
      <c r="K70" s="800"/>
      <c r="L70" s="800"/>
      <c r="M70" s="800"/>
      <c r="N70" s="800"/>
      <c r="O70" s="800"/>
      <c r="P70" s="803"/>
      <c r="Q70" s="761"/>
      <c r="R70" s="761"/>
      <c r="S70" s="836"/>
      <c r="T70" s="803"/>
      <c r="U70" s="836"/>
      <c r="V70" s="803"/>
      <c r="W70" s="836"/>
      <c r="X70" s="803"/>
      <c r="Y70" s="761"/>
      <c r="Z70" s="836"/>
      <c r="AA70" s="803"/>
      <c r="AB70" s="836"/>
      <c r="AC70" s="803"/>
      <c r="AD70" s="836"/>
      <c r="AE70" s="852"/>
      <c r="AF70" s="855"/>
      <c r="AG70" s="755"/>
      <c r="AH70" s="749"/>
      <c r="AI70" s="763"/>
      <c r="AJ70" s="755"/>
      <c r="AK70" s="749"/>
      <c r="AL70" s="763"/>
      <c r="AM70" s="755"/>
      <c r="AN70" s="749"/>
      <c r="AO70" s="763"/>
      <c r="AP70" s="755"/>
      <c r="AQ70" s="749"/>
      <c r="AR70" s="763"/>
      <c r="AS70" s="755"/>
      <c r="AT70" s="749"/>
      <c r="AU70" s="763"/>
      <c r="AV70" s="755"/>
      <c r="AW70" s="749"/>
      <c r="AX70" s="763"/>
      <c r="AY70" s="755"/>
      <c r="AZ70" s="749"/>
      <c r="BA70" s="763"/>
      <c r="BB70" s="755"/>
      <c r="BC70" s="749"/>
      <c r="BD70" s="763"/>
      <c r="BE70" s="755"/>
      <c r="BF70" s="749"/>
      <c r="BG70" s="763"/>
      <c r="BH70" s="755"/>
      <c r="BI70" s="749"/>
      <c r="BJ70" s="763"/>
      <c r="BK70" s="752"/>
      <c r="BL70" s="755"/>
      <c r="BM70" s="749"/>
      <c r="BN70" s="763"/>
      <c r="BO70" s="755"/>
      <c r="BP70" s="749"/>
      <c r="BQ70" s="763"/>
      <c r="BR70" s="755"/>
      <c r="BS70" s="763"/>
      <c r="BT70" s="755"/>
      <c r="BU70" s="758"/>
      <c r="BV70" s="763"/>
      <c r="BW70" s="755"/>
      <c r="BX70" s="758"/>
      <c r="BY70" s="763"/>
      <c r="BZ70" s="761"/>
      <c r="CA70" s="9"/>
      <c r="CB70" s="9"/>
    </row>
    <row r="71" spans="1:84" ht="8.25" customHeight="1" thickBot="1" x14ac:dyDescent="0.25">
      <c r="D71" s="884"/>
      <c r="E71" s="877"/>
      <c r="F71" s="877"/>
      <c r="G71" s="877"/>
      <c r="H71" s="877"/>
      <c r="I71" s="877"/>
      <c r="J71" s="877"/>
      <c r="K71" s="877"/>
      <c r="L71" s="877"/>
      <c r="M71" s="877"/>
      <c r="N71" s="877"/>
      <c r="O71" s="877"/>
      <c r="P71" s="850"/>
      <c r="Q71" s="786"/>
      <c r="R71" s="786"/>
      <c r="S71" s="837"/>
      <c r="T71" s="850"/>
      <c r="U71" s="837"/>
      <c r="V71" s="850"/>
      <c r="W71" s="837"/>
      <c r="X71" s="850"/>
      <c r="Y71" s="786"/>
      <c r="Z71" s="837"/>
      <c r="AA71" s="850"/>
      <c r="AB71" s="837"/>
      <c r="AC71" s="850"/>
      <c r="AD71" s="837"/>
      <c r="AE71" s="853"/>
      <c r="AF71" s="856"/>
      <c r="AG71" s="756"/>
      <c r="AH71" s="750"/>
      <c r="AI71" s="764"/>
      <c r="AJ71" s="756"/>
      <c r="AK71" s="750"/>
      <c r="AL71" s="764"/>
      <c r="AM71" s="756"/>
      <c r="AN71" s="750"/>
      <c r="AO71" s="764"/>
      <c r="AP71" s="756"/>
      <c r="AQ71" s="750"/>
      <c r="AR71" s="764"/>
      <c r="AS71" s="756"/>
      <c r="AT71" s="750"/>
      <c r="AU71" s="764"/>
      <c r="AV71" s="756"/>
      <c r="AW71" s="750"/>
      <c r="AX71" s="764"/>
      <c r="AY71" s="756"/>
      <c r="AZ71" s="750"/>
      <c r="BA71" s="764"/>
      <c r="BB71" s="756"/>
      <c r="BC71" s="750"/>
      <c r="BD71" s="764"/>
      <c r="BE71" s="756"/>
      <c r="BF71" s="750"/>
      <c r="BG71" s="764"/>
      <c r="BH71" s="756"/>
      <c r="BI71" s="750"/>
      <c r="BJ71" s="764"/>
      <c r="BK71" s="753"/>
      <c r="BL71" s="756"/>
      <c r="BM71" s="750"/>
      <c r="BN71" s="764"/>
      <c r="BO71" s="756"/>
      <c r="BP71" s="750"/>
      <c r="BQ71" s="764"/>
      <c r="BR71" s="756"/>
      <c r="BS71" s="764"/>
      <c r="BT71" s="756"/>
      <c r="BU71" s="759"/>
      <c r="BV71" s="764"/>
      <c r="BW71" s="756"/>
      <c r="BX71" s="759"/>
      <c r="BY71" s="764"/>
      <c r="BZ71" s="762"/>
      <c r="CA71" s="9"/>
      <c r="CB71" s="9"/>
    </row>
    <row r="72" spans="1:84" ht="9" customHeight="1" thickBot="1" x14ac:dyDescent="0.25"/>
    <row r="73" spans="1:84" ht="8.25" customHeight="1" x14ac:dyDescent="0.2">
      <c r="A73" s="15"/>
      <c r="B73" s="7"/>
      <c r="C73" s="8"/>
      <c r="D73" s="291"/>
      <c r="E73" s="292"/>
      <c r="F73" s="292"/>
      <c r="G73" s="292"/>
      <c r="H73" s="292"/>
      <c r="I73" s="292"/>
      <c r="J73" s="292"/>
      <c r="K73" s="292"/>
      <c r="L73" s="292"/>
      <c r="M73" s="292"/>
      <c r="N73" s="292"/>
      <c r="O73" s="292"/>
      <c r="P73" s="292"/>
      <c r="Q73" s="292"/>
      <c r="R73" s="292"/>
      <c r="S73" s="302"/>
      <c r="T73" s="878" t="s">
        <v>62</v>
      </c>
      <c r="U73" s="873"/>
      <c r="V73" s="873"/>
      <c r="W73" s="873"/>
      <c r="X73" s="879"/>
      <c r="Y73" s="895" t="s">
        <v>63</v>
      </c>
      <c r="Z73" s="896"/>
      <c r="AA73" s="896"/>
      <c r="AB73" s="896"/>
      <c r="AC73" s="896"/>
      <c r="AD73" s="896"/>
      <c r="AE73" s="896"/>
      <c r="AF73" s="896"/>
      <c r="AG73" s="896"/>
      <c r="AH73" s="896"/>
      <c r="AI73" s="896"/>
      <c r="AJ73" s="896"/>
      <c r="AK73" s="896"/>
      <c r="AL73" s="896"/>
      <c r="AM73" s="896"/>
      <c r="AN73" s="896"/>
      <c r="AO73" s="897"/>
      <c r="AP73" s="823" t="s">
        <v>64</v>
      </c>
      <c r="AQ73" s="818"/>
      <c r="AR73" s="818"/>
      <c r="AS73" s="818"/>
      <c r="AT73" s="818"/>
      <c r="AU73" s="818"/>
      <c r="AV73" s="818"/>
      <c r="AW73" s="818"/>
      <c r="AX73" s="818"/>
      <c r="AY73" s="818"/>
      <c r="AZ73" s="818"/>
      <c r="BA73" s="818"/>
      <c r="BB73" s="818"/>
      <c r="BC73" s="818"/>
      <c r="BD73" s="813" t="s">
        <v>65</v>
      </c>
      <c r="BE73" s="814"/>
      <c r="BF73" s="814"/>
      <c r="BG73" s="814"/>
      <c r="BH73" s="814"/>
      <c r="BI73" s="815"/>
      <c r="BJ73" s="7"/>
      <c r="BK73" s="7"/>
      <c r="BL73" s="7"/>
      <c r="BM73" s="7"/>
      <c r="BN73" s="7"/>
      <c r="BO73" s="7"/>
      <c r="BP73" s="7"/>
      <c r="BQ73" s="816" t="s">
        <v>66</v>
      </c>
      <c r="BR73" s="818" t="s">
        <v>67</v>
      </c>
      <c r="BS73" s="818"/>
      <c r="BT73" s="818"/>
      <c r="BU73" s="818"/>
      <c r="BV73" s="818"/>
      <c r="BW73" s="818"/>
      <c r="BX73" s="818"/>
      <c r="BY73" s="818"/>
      <c r="BZ73" s="825" t="s">
        <v>68</v>
      </c>
      <c r="CA73" s="859" t="s">
        <v>69</v>
      </c>
    </row>
    <row r="74" spans="1:84" ht="8.25" customHeight="1" thickBot="1" x14ac:dyDescent="0.25">
      <c r="A74" s="869" t="s">
        <v>70</v>
      </c>
      <c r="B74" s="870"/>
      <c r="C74" s="871"/>
      <c r="D74" s="293"/>
      <c r="E74" s="9"/>
      <c r="F74" s="9"/>
      <c r="G74" s="9"/>
      <c r="H74" s="9"/>
      <c r="I74" s="9"/>
      <c r="J74" s="9"/>
      <c r="K74" s="9"/>
      <c r="L74" s="9"/>
      <c r="M74" s="9"/>
      <c r="N74" s="9"/>
      <c r="O74" s="9"/>
      <c r="P74" s="9"/>
      <c r="Q74" s="9"/>
      <c r="R74" s="9"/>
      <c r="S74" s="303"/>
      <c r="T74" s="880"/>
      <c r="U74" s="819"/>
      <c r="V74" s="819"/>
      <c r="W74" s="819"/>
      <c r="X74" s="881"/>
      <c r="Y74" s="898"/>
      <c r="Z74" s="898"/>
      <c r="AA74" s="898"/>
      <c r="AB74" s="898"/>
      <c r="AC74" s="898"/>
      <c r="AD74" s="898"/>
      <c r="AE74" s="898"/>
      <c r="AF74" s="898"/>
      <c r="AG74" s="898"/>
      <c r="AH74" s="898"/>
      <c r="AI74" s="898"/>
      <c r="AJ74" s="898"/>
      <c r="AK74" s="898"/>
      <c r="AL74" s="898"/>
      <c r="AM74" s="898"/>
      <c r="AN74" s="898"/>
      <c r="AO74" s="899"/>
      <c r="AP74" s="771"/>
      <c r="AQ74" s="819"/>
      <c r="AR74" s="819"/>
      <c r="AS74" s="819"/>
      <c r="AT74" s="819"/>
      <c r="AU74" s="819"/>
      <c r="AV74" s="819"/>
      <c r="AW74" s="819"/>
      <c r="AX74" s="819"/>
      <c r="AY74" s="819"/>
      <c r="AZ74" s="819"/>
      <c r="BA74" s="819"/>
      <c r="BB74" s="819"/>
      <c r="BC74" s="819"/>
      <c r="BD74" s="820" t="s">
        <v>71</v>
      </c>
      <c r="BE74" s="821"/>
      <c r="BF74" s="821"/>
      <c r="BG74" s="821"/>
      <c r="BH74" s="821"/>
      <c r="BI74" s="822"/>
      <c r="BJ74" s="772" t="s">
        <v>72</v>
      </c>
      <c r="BK74" s="772"/>
      <c r="BL74" s="772"/>
      <c r="BM74" s="772"/>
      <c r="BN74" s="772"/>
      <c r="BO74" s="772"/>
      <c r="BP74" s="772"/>
      <c r="BQ74" s="817"/>
      <c r="BR74" s="772"/>
      <c r="BS74" s="819"/>
      <c r="BT74" s="819"/>
      <c r="BU74" s="819"/>
      <c r="BV74" s="819"/>
      <c r="BW74" s="819"/>
      <c r="BX74" s="819"/>
      <c r="BY74" s="819"/>
      <c r="BZ74" s="826"/>
      <c r="CA74" s="860"/>
    </row>
    <row r="75" spans="1:84" ht="8.25" customHeight="1" x14ac:dyDescent="0.2">
      <c r="A75" s="869"/>
      <c r="B75" s="870"/>
      <c r="C75" s="871"/>
      <c r="D75" s="293"/>
      <c r="E75" s="9"/>
      <c r="F75" s="772" t="s">
        <v>73</v>
      </c>
      <c r="G75" s="772"/>
      <c r="H75" s="772"/>
      <c r="I75" s="772"/>
      <c r="J75" s="772"/>
      <c r="K75" s="772"/>
      <c r="L75" s="772"/>
      <c r="M75" s="772"/>
      <c r="N75" s="772"/>
      <c r="O75" s="772"/>
      <c r="P75" s="772"/>
      <c r="Q75" s="772"/>
      <c r="R75" s="9"/>
      <c r="S75" s="303"/>
      <c r="T75" s="911" t="s">
        <v>74</v>
      </c>
      <c r="U75" s="818"/>
      <c r="V75" s="824"/>
      <c r="W75" s="891" t="s">
        <v>75</v>
      </c>
      <c r="X75" s="913"/>
      <c r="Y75" s="818" t="s">
        <v>76</v>
      </c>
      <c r="Z75" s="818"/>
      <c r="AA75" s="824"/>
      <c r="AB75" s="891" t="s">
        <v>75</v>
      </c>
      <c r="AC75" s="892"/>
      <c r="AD75" s="930" t="s">
        <v>77</v>
      </c>
      <c r="AE75" s="931"/>
      <c r="AF75" s="931"/>
      <c r="AG75" s="931"/>
      <c r="AH75" s="931"/>
      <c r="AI75" s="931"/>
      <c r="AJ75" s="931"/>
      <c r="AK75" s="932"/>
      <c r="AL75" s="890" t="s">
        <v>189</v>
      </c>
      <c r="AM75" s="839"/>
      <c r="AN75" s="839"/>
      <c r="AO75" s="839"/>
      <c r="AP75" s="816" t="s">
        <v>78</v>
      </c>
      <c r="AQ75" s="818" t="s">
        <v>79</v>
      </c>
      <c r="AR75" s="818"/>
      <c r="AS75" s="818"/>
      <c r="AT75" s="818"/>
      <c r="AU75" s="818"/>
      <c r="AV75" s="818"/>
      <c r="AW75" s="818"/>
      <c r="AX75" s="818"/>
      <c r="AY75" s="818"/>
      <c r="AZ75" s="818"/>
      <c r="BA75" s="818"/>
      <c r="BB75" s="818"/>
      <c r="BC75" s="818"/>
      <c r="BD75" s="830" t="s">
        <v>80</v>
      </c>
      <c r="BE75" s="787" t="s">
        <v>81</v>
      </c>
      <c r="BF75" s="857" t="s">
        <v>82</v>
      </c>
      <c r="BG75" s="787" t="s">
        <v>78</v>
      </c>
      <c r="BH75" s="857" t="s">
        <v>219</v>
      </c>
      <c r="BI75" s="868" t="s">
        <v>83</v>
      </c>
      <c r="BJ75" s="772"/>
      <c r="BK75" s="772"/>
      <c r="BL75" s="772"/>
      <c r="BM75" s="772"/>
      <c r="BN75" s="772"/>
      <c r="BO75" s="772"/>
      <c r="BP75" s="772"/>
      <c r="BQ75" s="817"/>
      <c r="BR75" s="816" t="s">
        <v>84</v>
      </c>
      <c r="BS75" s="818" t="s">
        <v>106</v>
      </c>
      <c r="BT75" s="818"/>
      <c r="BU75" s="818"/>
      <c r="BV75" s="818"/>
      <c r="BW75" s="818"/>
      <c r="BX75" s="818"/>
      <c r="BY75" s="818"/>
      <c r="BZ75" s="826"/>
      <c r="CA75" s="860"/>
    </row>
    <row r="76" spans="1:84" ht="8.25" customHeight="1" x14ac:dyDescent="0.2">
      <c r="A76" s="869"/>
      <c r="B76" s="870"/>
      <c r="C76" s="871"/>
      <c r="D76" s="293"/>
      <c r="E76" s="9"/>
      <c r="F76" s="772"/>
      <c r="G76" s="772"/>
      <c r="H76" s="772"/>
      <c r="I76" s="772"/>
      <c r="J76" s="772"/>
      <c r="K76" s="772"/>
      <c r="L76" s="772"/>
      <c r="M76" s="772"/>
      <c r="N76" s="772"/>
      <c r="O76" s="772"/>
      <c r="P76" s="772"/>
      <c r="Q76" s="772"/>
      <c r="R76" s="9"/>
      <c r="S76" s="303"/>
      <c r="T76" s="912"/>
      <c r="U76" s="772"/>
      <c r="V76" s="773"/>
      <c r="W76" s="893"/>
      <c r="X76" s="914"/>
      <c r="Y76" s="772"/>
      <c r="Z76" s="772"/>
      <c r="AA76" s="773"/>
      <c r="AB76" s="893"/>
      <c r="AC76" s="894"/>
      <c r="AD76" s="933"/>
      <c r="AE76" s="934"/>
      <c r="AF76" s="934"/>
      <c r="AG76" s="934"/>
      <c r="AH76" s="934"/>
      <c r="AI76" s="934"/>
      <c r="AJ76" s="934"/>
      <c r="AK76" s="935"/>
      <c r="AL76" s="840"/>
      <c r="AM76" s="841"/>
      <c r="AN76" s="841"/>
      <c r="AO76" s="842"/>
      <c r="AP76" s="817"/>
      <c r="AQ76" s="772"/>
      <c r="AR76" s="772"/>
      <c r="AS76" s="772"/>
      <c r="AT76" s="772"/>
      <c r="AU76" s="772"/>
      <c r="AV76" s="772"/>
      <c r="AW76" s="772"/>
      <c r="AX76" s="772"/>
      <c r="AY76" s="772"/>
      <c r="AZ76" s="772"/>
      <c r="BA76" s="772"/>
      <c r="BB76" s="772"/>
      <c r="BC76" s="772"/>
      <c r="BD76" s="826"/>
      <c r="BE76" s="788"/>
      <c r="BF76" s="858"/>
      <c r="BG76" s="788"/>
      <c r="BH76" s="858"/>
      <c r="BI76" s="860"/>
      <c r="BJ76" s="772" t="s">
        <v>85</v>
      </c>
      <c r="BK76" s="772"/>
      <c r="BL76" s="772"/>
      <c r="BM76" s="772"/>
      <c r="BN76" s="772"/>
      <c r="BO76" s="772"/>
      <c r="BP76" s="772"/>
      <c r="BQ76" s="817"/>
      <c r="BR76" s="817"/>
      <c r="BS76" s="772"/>
      <c r="BT76" s="772"/>
      <c r="BU76" s="772"/>
      <c r="BV76" s="772"/>
      <c r="BW76" s="772"/>
      <c r="BX76" s="772"/>
      <c r="BY76" s="772"/>
      <c r="BZ76" s="826"/>
      <c r="CA76" s="860"/>
    </row>
    <row r="77" spans="1:84" ht="8.25" customHeight="1" x14ac:dyDescent="0.2">
      <c r="A77" s="869"/>
      <c r="B77" s="870"/>
      <c r="C77" s="871"/>
      <c r="D77" s="293"/>
      <c r="E77" s="9"/>
      <c r="F77" s="9"/>
      <c r="G77" s="9"/>
      <c r="H77" s="9"/>
      <c r="I77" s="9"/>
      <c r="J77" s="9"/>
      <c r="K77" s="9"/>
      <c r="L77" s="9"/>
      <c r="M77" s="9"/>
      <c r="N77" s="9"/>
      <c r="O77" s="9"/>
      <c r="P77" s="9"/>
      <c r="Q77" s="9"/>
      <c r="R77" s="9"/>
      <c r="S77" s="303"/>
      <c r="T77" s="912"/>
      <c r="U77" s="772"/>
      <c r="V77" s="773"/>
      <c r="W77" s="893"/>
      <c r="X77" s="914"/>
      <c r="Y77" s="772"/>
      <c r="Z77" s="772"/>
      <c r="AA77" s="773"/>
      <c r="AB77" s="893"/>
      <c r="AC77" s="894"/>
      <c r="AD77" s="933"/>
      <c r="AE77" s="934"/>
      <c r="AF77" s="934"/>
      <c r="AG77" s="934"/>
      <c r="AH77" s="934"/>
      <c r="AI77" s="934"/>
      <c r="AJ77" s="934"/>
      <c r="AK77" s="935"/>
      <c r="AL77" s="840"/>
      <c r="AM77" s="841"/>
      <c r="AN77" s="841"/>
      <c r="AO77" s="842"/>
      <c r="AP77" s="817"/>
      <c r="AQ77" s="772"/>
      <c r="AR77" s="772"/>
      <c r="AS77" s="772"/>
      <c r="AT77" s="772"/>
      <c r="AU77" s="772"/>
      <c r="AV77" s="772"/>
      <c r="AW77" s="772"/>
      <c r="AX77" s="772"/>
      <c r="AY77" s="772"/>
      <c r="AZ77" s="772"/>
      <c r="BA77" s="772"/>
      <c r="BB77" s="772"/>
      <c r="BC77" s="772"/>
      <c r="BD77" s="826"/>
      <c r="BE77" s="788"/>
      <c r="BF77" s="858"/>
      <c r="BG77" s="788"/>
      <c r="BH77" s="858"/>
      <c r="BI77" s="860"/>
      <c r="BJ77" s="772"/>
      <c r="BK77" s="772"/>
      <c r="BL77" s="772"/>
      <c r="BM77" s="772"/>
      <c r="BN77" s="772"/>
      <c r="BO77" s="772"/>
      <c r="BP77" s="772"/>
      <c r="BQ77" s="817"/>
      <c r="BR77" s="817"/>
      <c r="BS77" s="772"/>
      <c r="BT77" s="772"/>
      <c r="BU77" s="772"/>
      <c r="BV77" s="772"/>
      <c r="BW77" s="772"/>
      <c r="BX77" s="772"/>
      <c r="BY77" s="772"/>
      <c r="BZ77" s="826"/>
      <c r="CA77" s="860"/>
    </row>
    <row r="78" spans="1:84" ht="8.25" hidden="1" customHeight="1" x14ac:dyDescent="0.2">
      <c r="A78" s="12">
        <v>8</v>
      </c>
      <c r="B78" s="14"/>
      <c r="C78" s="13">
        <v>10</v>
      </c>
      <c r="D78" s="294">
        <v>13</v>
      </c>
      <c r="E78" s="14"/>
      <c r="F78" s="14"/>
      <c r="G78" s="14"/>
      <c r="H78" s="14"/>
      <c r="I78" s="14"/>
      <c r="J78" s="14"/>
      <c r="K78" s="14"/>
      <c r="L78" s="14"/>
      <c r="M78" s="14"/>
      <c r="N78" s="14"/>
      <c r="O78" s="14"/>
      <c r="P78" s="14"/>
      <c r="Q78" s="14"/>
      <c r="R78" s="14"/>
      <c r="S78" s="295">
        <v>28</v>
      </c>
      <c r="T78" s="296"/>
      <c r="U78" s="288"/>
      <c r="V78" s="288"/>
      <c r="W78" s="12">
        <v>29</v>
      </c>
      <c r="X78" s="295">
        <v>30</v>
      </c>
      <c r="Y78" s="288"/>
      <c r="Z78" s="22"/>
      <c r="AA78" s="22"/>
      <c r="AB78" s="12">
        <v>31</v>
      </c>
      <c r="AC78" s="13">
        <v>32</v>
      </c>
      <c r="AD78" s="25"/>
      <c r="AE78" s="25"/>
      <c r="AF78" s="25"/>
      <c r="AG78" s="25"/>
      <c r="AH78" s="21"/>
      <c r="AI78" s="22"/>
      <c r="AJ78" s="22"/>
      <c r="AK78" s="23"/>
      <c r="AL78" s="811" t="s">
        <v>104</v>
      </c>
      <c r="AM78" s="812"/>
      <c r="AN78" s="812"/>
      <c r="AO78" s="812"/>
      <c r="AP78" s="297">
        <v>33</v>
      </c>
      <c r="AQ78" s="28">
        <v>34</v>
      </c>
      <c r="AR78" s="27"/>
      <c r="AS78" s="24">
        <v>36</v>
      </c>
      <c r="AT78" s="27"/>
      <c r="AU78" s="28">
        <v>37</v>
      </c>
      <c r="AV78" s="27"/>
      <c r="AW78" s="24">
        <v>39</v>
      </c>
      <c r="AX78" s="27"/>
      <c r="AY78" s="28">
        <v>40</v>
      </c>
      <c r="AZ78" s="27"/>
      <c r="BA78" s="27"/>
      <c r="BB78" s="27"/>
      <c r="BC78" s="24">
        <v>44</v>
      </c>
      <c r="BD78" s="796">
        <v>45</v>
      </c>
      <c r="BE78" s="797"/>
      <c r="BF78" s="798">
        <v>46</v>
      </c>
      <c r="BG78" s="797"/>
      <c r="BH78" s="12">
        <v>47</v>
      </c>
      <c r="BI78" s="295">
        <v>48</v>
      </c>
      <c r="BJ78" s="14"/>
      <c r="BK78" s="14"/>
      <c r="BL78" s="14"/>
      <c r="BM78" s="14"/>
      <c r="BN78" s="14"/>
      <c r="BO78" s="14"/>
      <c r="BP78" s="14"/>
      <c r="BQ78" s="297">
        <v>49</v>
      </c>
      <c r="BR78" s="297">
        <v>50</v>
      </c>
      <c r="BS78" s="287"/>
      <c r="BT78" s="40"/>
      <c r="BU78" s="40"/>
      <c r="BV78" s="40"/>
      <c r="BW78" s="40"/>
      <c r="BX78" s="40"/>
      <c r="BY78" s="287"/>
      <c r="BZ78" s="796">
        <v>51</v>
      </c>
      <c r="CA78" s="861"/>
    </row>
    <row r="79" spans="1:84" ht="8.25" customHeight="1" x14ac:dyDescent="0.2">
      <c r="A79" s="844"/>
      <c r="B79" s="938"/>
      <c r="C79" s="847"/>
      <c r="D79" s="944"/>
      <c r="E79" s="915"/>
      <c r="F79" s="915"/>
      <c r="G79" s="915"/>
      <c r="H79" s="915"/>
      <c r="I79" s="915"/>
      <c r="J79" s="915"/>
      <c r="K79" s="915"/>
      <c r="L79" s="915"/>
      <c r="M79" s="915"/>
      <c r="N79" s="915"/>
      <c r="O79" s="915"/>
      <c r="P79" s="915"/>
      <c r="Q79" s="915"/>
      <c r="R79" s="915"/>
      <c r="S79" s="988"/>
      <c r="T79" s="947"/>
      <c r="U79" s="924"/>
      <c r="V79" s="925"/>
      <c r="W79" s="844"/>
      <c r="X79" s="941"/>
      <c r="Y79" s="924"/>
      <c r="Z79" s="924"/>
      <c r="AA79" s="925"/>
      <c r="AB79" s="844"/>
      <c r="AC79" s="847"/>
      <c r="AD79" s="891"/>
      <c r="AE79" s="919"/>
      <c r="AF79" s="919"/>
      <c r="AG79" s="919"/>
      <c r="AH79" s="919"/>
      <c r="AI79" s="919"/>
      <c r="AJ79" s="919"/>
      <c r="AK79" s="892"/>
      <c r="AL79" s="838"/>
      <c r="AM79" s="839"/>
      <c r="AN79" s="839"/>
      <c r="AO79" s="839"/>
      <c r="AP79" s="789"/>
      <c r="AQ79" s="953"/>
      <c r="AR79" s="799"/>
      <c r="AS79" s="802"/>
      <c r="AT79" s="29"/>
      <c r="AU79" s="835"/>
      <c r="AV79" s="799"/>
      <c r="AW79" s="802"/>
      <c r="AX79" s="29"/>
      <c r="AY79" s="835"/>
      <c r="AZ79" s="799"/>
      <c r="BA79" s="799"/>
      <c r="BB79" s="799"/>
      <c r="BC79" s="862"/>
      <c r="BD79" s="827"/>
      <c r="BE79" s="865"/>
      <c r="BF79" s="805"/>
      <c r="BG79" s="865"/>
      <c r="BH79" s="805"/>
      <c r="BI79" s="806"/>
      <c r="BJ79" s="792"/>
      <c r="BK79" s="792"/>
      <c r="BL79" s="792"/>
      <c r="BM79" s="792"/>
      <c r="BN79" s="792"/>
      <c r="BO79" s="792"/>
      <c r="BP79" s="792"/>
      <c r="BQ79" s="789"/>
      <c r="BR79" s="298"/>
      <c r="BS79" s="792"/>
      <c r="BT79" s="792"/>
      <c r="BU79" s="792"/>
      <c r="BV79" s="792"/>
      <c r="BW79" s="792"/>
      <c r="BX79" s="792"/>
      <c r="BY79" s="792"/>
      <c r="BZ79" s="827"/>
      <c r="CA79" s="806"/>
    </row>
    <row r="80" spans="1:84" ht="8.25" customHeight="1" x14ac:dyDescent="0.2">
      <c r="A80" s="845"/>
      <c r="B80" s="939"/>
      <c r="C80" s="848"/>
      <c r="D80" s="945"/>
      <c r="E80" s="916"/>
      <c r="F80" s="916"/>
      <c r="G80" s="916"/>
      <c r="H80" s="916"/>
      <c r="I80" s="916"/>
      <c r="J80" s="916"/>
      <c r="K80" s="916"/>
      <c r="L80" s="916"/>
      <c r="M80" s="916"/>
      <c r="N80" s="916"/>
      <c r="O80" s="916"/>
      <c r="P80" s="916"/>
      <c r="Q80" s="916"/>
      <c r="R80" s="916"/>
      <c r="S80" s="989"/>
      <c r="T80" s="948"/>
      <c r="U80" s="926"/>
      <c r="V80" s="927"/>
      <c r="W80" s="845"/>
      <c r="X80" s="942"/>
      <c r="Y80" s="926"/>
      <c r="Z80" s="926"/>
      <c r="AA80" s="927"/>
      <c r="AB80" s="845"/>
      <c r="AC80" s="848"/>
      <c r="AD80" s="893"/>
      <c r="AE80" s="920"/>
      <c r="AF80" s="920"/>
      <c r="AG80" s="920"/>
      <c r="AH80" s="920"/>
      <c r="AI80" s="920"/>
      <c r="AJ80" s="920"/>
      <c r="AK80" s="894"/>
      <c r="AL80" s="840"/>
      <c r="AM80" s="841"/>
      <c r="AN80" s="841"/>
      <c r="AO80" s="842"/>
      <c r="AP80" s="790"/>
      <c r="AQ80" s="954"/>
      <c r="AR80" s="800"/>
      <c r="AS80" s="803"/>
      <c r="AT80" s="30" t="s">
        <v>86</v>
      </c>
      <c r="AU80" s="836"/>
      <c r="AV80" s="800"/>
      <c r="AW80" s="803"/>
      <c r="AX80" s="30" t="s">
        <v>86</v>
      </c>
      <c r="AY80" s="836"/>
      <c r="AZ80" s="800"/>
      <c r="BA80" s="800"/>
      <c r="BB80" s="800"/>
      <c r="BC80" s="863"/>
      <c r="BD80" s="828"/>
      <c r="BE80" s="866"/>
      <c r="BF80" s="807"/>
      <c r="BG80" s="866"/>
      <c r="BH80" s="807"/>
      <c r="BI80" s="808"/>
      <c r="BJ80" s="793"/>
      <c r="BK80" s="793"/>
      <c r="BL80" s="793"/>
      <c r="BM80" s="793"/>
      <c r="BN80" s="793"/>
      <c r="BO80" s="793"/>
      <c r="BP80" s="793"/>
      <c r="BQ80" s="790"/>
      <c r="BR80" s="299"/>
      <c r="BS80" s="793"/>
      <c r="BT80" s="793"/>
      <c r="BU80" s="793"/>
      <c r="BV80" s="793"/>
      <c r="BW80" s="793"/>
      <c r="BX80" s="793"/>
      <c r="BY80" s="793"/>
      <c r="BZ80" s="828"/>
      <c r="CA80" s="808"/>
    </row>
    <row r="81" spans="1:84" ht="8.25" customHeight="1" thickBot="1" x14ac:dyDescent="0.25">
      <c r="A81" s="846"/>
      <c r="B81" s="940"/>
      <c r="C81" s="849"/>
      <c r="D81" s="946"/>
      <c r="E81" s="917"/>
      <c r="F81" s="917"/>
      <c r="G81" s="917"/>
      <c r="H81" s="917"/>
      <c r="I81" s="917"/>
      <c r="J81" s="917"/>
      <c r="K81" s="917"/>
      <c r="L81" s="917"/>
      <c r="M81" s="917"/>
      <c r="N81" s="917"/>
      <c r="O81" s="917"/>
      <c r="P81" s="917"/>
      <c r="Q81" s="917"/>
      <c r="R81" s="917"/>
      <c r="S81" s="990"/>
      <c r="T81" s="949"/>
      <c r="U81" s="950"/>
      <c r="V81" s="951"/>
      <c r="W81" s="952"/>
      <c r="X81" s="943"/>
      <c r="Y81" s="928"/>
      <c r="Z81" s="928"/>
      <c r="AA81" s="929"/>
      <c r="AB81" s="846"/>
      <c r="AC81" s="849"/>
      <c r="AD81" s="921"/>
      <c r="AE81" s="922"/>
      <c r="AF81" s="922"/>
      <c r="AG81" s="922"/>
      <c r="AH81" s="922"/>
      <c r="AI81" s="922"/>
      <c r="AJ81" s="922"/>
      <c r="AK81" s="923"/>
      <c r="AL81" s="843"/>
      <c r="AM81" s="812"/>
      <c r="AN81" s="812"/>
      <c r="AO81" s="812"/>
      <c r="AP81" s="791"/>
      <c r="AQ81" s="955"/>
      <c r="AR81" s="801"/>
      <c r="AS81" s="804"/>
      <c r="AT81" s="31"/>
      <c r="AU81" s="918"/>
      <c r="AV81" s="801"/>
      <c r="AW81" s="804"/>
      <c r="AX81" s="31"/>
      <c r="AY81" s="918"/>
      <c r="AZ81" s="801"/>
      <c r="BA81" s="801"/>
      <c r="BB81" s="801"/>
      <c r="BC81" s="864"/>
      <c r="BD81" s="829"/>
      <c r="BE81" s="867"/>
      <c r="BF81" s="809"/>
      <c r="BG81" s="867"/>
      <c r="BH81" s="809"/>
      <c r="BI81" s="810"/>
      <c r="BJ81" s="794"/>
      <c r="BK81" s="794"/>
      <c r="BL81" s="794"/>
      <c r="BM81" s="794"/>
      <c r="BN81" s="794"/>
      <c r="BO81" s="794"/>
      <c r="BP81" s="794"/>
      <c r="BQ81" s="791"/>
      <c r="BR81" s="300"/>
      <c r="BS81" s="794"/>
      <c r="BT81" s="794"/>
      <c r="BU81" s="794"/>
      <c r="BV81" s="794"/>
      <c r="BW81" s="794"/>
      <c r="BX81" s="794"/>
      <c r="BY81" s="794"/>
      <c r="BZ81" s="829"/>
      <c r="CA81" s="810"/>
    </row>
    <row r="82" spans="1:84" ht="6" customHeight="1" thickBot="1" x14ac:dyDescent="0.25"/>
    <row r="83" spans="1:84" ht="8.25" customHeight="1" x14ac:dyDescent="0.2">
      <c r="D83" s="291"/>
      <c r="E83" s="292"/>
      <c r="F83" s="292"/>
      <c r="G83" s="292"/>
      <c r="H83" s="292"/>
      <c r="I83" s="292"/>
      <c r="J83" s="292"/>
      <c r="K83" s="292"/>
      <c r="L83" s="292"/>
      <c r="M83" s="292"/>
      <c r="N83" s="292"/>
      <c r="O83" s="292"/>
      <c r="P83" s="301"/>
      <c r="Q83" s="888" t="s">
        <v>87</v>
      </c>
      <c r="R83" s="872" t="s">
        <v>88</v>
      </c>
      <c r="S83" s="873"/>
      <c r="T83" s="873"/>
      <c r="U83" s="873"/>
      <c r="V83" s="873"/>
      <c r="W83" s="873"/>
      <c r="X83" s="874"/>
      <c r="Y83" s="872" t="s">
        <v>89</v>
      </c>
      <c r="Z83" s="873"/>
      <c r="AA83" s="873"/>
      <c r="AB83" s="873"/>
      <c r="AC83" s="873"/>
      <c r="AD83" s="873"/>
      <c r="AE83" s="879"/>
      <c r="AF83" s="7"/>
      <c r="AG83" s="7"/>
      <c r="AH83" s="7"/>
      <c r="AI83" s="7"/>
      <c r="AJ83" s="7"/>
      <c r="AK83" s="7"/>
      <c r="AL83" s="8"/>
      <c r="AM83" s="7"/>
      <c r="AN83" s="7"/>
      <c r="AO83" s="7"/>
      <c r="AP83" s="7"/>
      <c r="AQ83" s="7"/>
      <c r="AR83" s="7"/>
      <c r="AS83" s="15"/>
      <c r="AT83" s="7"/>
      <c r="AU83" s="7"/>
      <c r="AV83" s="7"/>
      <c r="AW83" s="7"/>
      <c r="AX83" s="8"/>
      <c r="AY83" s="7"/>
      <c r="AZ83" s="7"/>
      <c r="BA83" s="7"/>
      <c r="BB83" s="7"/>
      <c r="BC83" s="7"/>
      <c r="BD83" s="8"/>
      <c r="BE83" s="7"/>
      <c r="BF83" s="7"/>
      <c r="BG83" s="7"/>
      <c r="BH83" s="7"/>
      <c r="BI83" s="7"/>
      <c r="BJ83" s="8"/>
      <c r="BK83" s="15"/>
      <c r="BL83" s="7"/>
      <c r="BM83" s="7"/>
      <c r="BN83" s="7"/>
      <c r="BO83" s="7"/>
      <c r="BP83" s="7"/>
      <c r="BQ83" s="7"/>
      <c r="BR83" s="15"/>
      <c r="BS83" s="7"/>
      <c r="BT83" s="7"/>
      <c r="BU83" s="7"/>
      <c r="BV83" s="7"/>
      <c r="BW83" s="7"/>
      <c r="BX83" s="7"/>
      <c r="BY83" s="8"/>
      <c r="BZ83" s="766" t="s">
        <v>90</v>
      </c>
      <c r="CA83" s="32"/>
      <c r="CB83" s="32"/>
    </row>
    <row r="84" spans="1:84" ht="8.25" customHeight="1" x14ac:dyDescent="0.2">
      <c r="D84" s="293"/>
      <c r="E84" s="9"/>
      <c r="F84" s="9"/>
      <c r="G84" s="9"/>
      <c r="H84" s="9"/>
      <c r="I84" s="9"/>
      <c r="J84" s="9"/>
      <c r="K84" s="9"/>
      <c r="L84" s="9"/>
      <c r="M84" s="9"/>
      <c r="N84" s="9"/>
      <c r="O84" s="9"/>
      <c r="P84" s="10"/>
      <c r="Q84" s="889"/>
      <c r="R84" s="875"/>
      <c r="S84" s="819"/>
      <c r="T84" s="819"/>
      <c r="U84" s="819"/>
      <c r="V84" s="819"/>
      <c r="W84" s="819"/>
      <c r="X84" s="876"/>
      <c r="Y84" s="875"/>
      <c r="Z84" s="819"/>
      <c r="AA84" s="819"/>
      <c r="AB84" s="819"/>
      <c r="AC84" s="819"/>
      <c r="AD84" s="819"/>
      <c r="AE84" s="881"/>
      <c r="AF84" s="772" t="s">
        <v>91</v>
      </c>
      <c r="AG84" s="772"/>
      <c r="AH84" s="772"/>
      <c r="AI84" s="772"/>
      <c r="AJ84" s="772"/>
      <c r="AK84" s="772"/>
      <c r="AL84" s="773"/>
      <c r="AM84" s="768" t="s">
        <v>218</v>
      </c>
      <c r="AN84" s="769"/>
      <c r="AO84" s="769"/>
      <c r="AP84" s="769"/>
      <c r="AQ84" s="769"/>
      <c r="AR84" s="770"/>
      <c r="AS84" s="17"/>
      <c r="AT84" s="9"/>
      <c r="AU84" s="9"/>
      <c r="AV84" s="9"/>
      <c r="AW84" s="9"/>
      <c r="AX84" s="10"/>
      <c r="AY84" s="9"/>
      <c r="AZ84" s="9"/>
      <c r="BA84" s="9"/>
      <c r="BB84" s="9"/>
      <c r="BC84" s="9"/>
      <c r="BD84" s="10"/>
      <c r="BE84" s="9"/>
      <c r="BF84" s="9"/>
      <c r="BG84" s="9"/>
      <c r="BH84" s="9"/>
      <c r="BI84" s="9"/>
      <c r="BJ84" s="10"/>
      <c r="BK84" s="17"/>
      <c r="BL84" s="9"/>
      <c r="BM84" s="9"/>
      <c r="BN84" s="9"/>
      <c r="BO84" s="9"/>
      <c r="BP84" s="9"/>
      <c r="BQ84" s="9"/>
      <c r="BR84" s="771" t="s">
        <v>92</v>
      </c>
      <c r="BS84" s="772"/>
      <c r="BT84" s="772"/>
      <c r="BU84" s="772"/>
      <c r="BV84" s="772"/>
      <c r="BW84" s="772"/>
      <c r="BX84" s="772"/>
      <c r="BY84" s="773"/>
      <c r="BZ84" s="767"/>
      <c r="CA84" s="32"/>
      <c r="CB84" s="32"/>
    </row>
    <row r="85" spans="1:84" ht="8.25" customHeight="1" x14ac:dyDescent="0.2">
      <c r="D85" s="293"/>
      <c r="E85" s="870" t="s">
        <v>93</v>
      </c>
      <c r="F85" s="772"/>
      <c r="G85" s="772"/>
      <c r="H85" s="772"/>
      <c r="I85" s="772"/>
      <c r="J85" s="772"/>
      <c r="K85" s="772"/>
      <c r="L85" s="772"/>
      <c r="M85" s="772"/>
      <c r="N85" s="772"/>
      <c r="O85" s="772"/>
      <c r="P85" s="10"/>
      <c r="Q85" s="889"/>
      <c r="R85" s="831" t="s">
        <v>94</v>
      </c>
      <c r="S85" s="823" t="s">
        <v>95</v>
      </c>
      <c r="T85" s="824"/>
      <c r="U85" s="823" t="s">
        <v>96</v>
      </c>
      <c r="V85" s="824"/>
      <c r="W85" s="823" t="s">
        <v>97</v>
      </c>
      <c r="X85" s="824"/>
      <c r="Y85" s="831" t="s">
        <v>94</v>
      </c>
      <c r="Z85" s="823" t="s">
        <v>95</v>
      </c>
      <c r="AA85" s="824"/>
      <c r="AB85" s="823" t="s">
        <v>96</v>
      </c>
      <c r="AC85" s="824"/>
      <c r="AD85" s="823" t="s">
        <v>97</v>
      </c>
      <c r="AE85" s="833"/>
      <c r="AF85" s="772"/>
      <c r="AG85" s="772"/>
      <c r="AH85" s="772"/>
      <c r="AI85" s="772"/>
      <c r="AJ85" s="772"/>
      <c r="AK85" s="772"/>
      <c r="AL85" s="773"/>
      <c r="AM85" s="768"/>
      <c r="AN85" s="769"/>
      <c r="AO85" s="769"/>
      <c r="AP85" s="769"/>
      <c r="AQ85" s="769"/>
      <c r="AR85" s="770"/>
      <c r="AS85" s="774" t="s">
        <v>98</v>
      </c>
      <c r="AT85" s="775"/>
      <c r="AU85" s="775"/>
      <c r="AV85" s="775"/>
      <c r="AW85" s="775"/>
      <c r="AX85" s="776"/>
      <c r="AY85" s="777" t="s">
        <v>216</v>
      </c>
      <c r="AZ85" s="778"/>
      <c r="BA85" s="778"/>
      <c r="BB85" s="778"/>
      <c r="BC85" s="778"/>
      <c r="BD85" s="779"/>
      <c r="BE85" s="780" t="s">
        <v>217</v>
      </c>
      <c r="BF85" s="781"/>
      <c r="BG85" s="781"/>
      <c r="BH85" s="781"/>
      <c r="BI85" s="781"/>
      <c r="BJ85" s="782"/>
      <c r="BK85" s="771" t="s">
        <v>99</v>
      </c>
      <c r="BL85" s="772"/>
      <c r="BM85" s="772"/>
      <c r="BN85" s="772"/>
      <c r="BO85" s="772"/>
      <c r="BP85" s="772"/>
      <c r="BQ85" s="773"/>
      <c r="BR85" s="771"/>
      <c r="BS85" s="772"/>
      <c r="BT85" s="772"/>
      <c r="BU85" s="772"/>
      <c r="BV85" s="772"/>
      <c r="BW85" s="772"/>
      <c r="BX85" s="772"/>
      <c r="BY85" s="773"/>
      <c r="BZ85" s="767"/>
      <c r="CA85" s="32"/>
      <c r="CB85" s="32"/>
    </row>
    <row r="86" spans="1:84" ht="13.95" customHeight="1" x14ac:dyDescent="0.2">
      <c r="D86" s="293"/>
      <c r="E86" s="772"/>
      <c r="F86" s="772"/>
      <c r="G86" s="772"/>
      <c r="H86" s="772"/>
      <c r="I86" s="772"/>
      <c r="J86" s="772"/>
      <c r="K86" s="772"/>
      <c r="L86" s="772"/>
      <c r="M86" s="772"/>
      <c r="N86" s="772"/>
      <c r="O86" s="772"/>
      <c r="P86" s="10"/>
      <c r="Q86" s="889"/>
      <c r="R86" s="832"/>
      <c r="S86" s="771"/>
      <c r="T86" s="773"/>
      <c r="U86" s="771"/>
      <c r="V86" s="773"/>
      <c r="W86" s="771"/>
      <c r="X86" s="773"/>
      <c r="Y86" s="832"/>
      <c r="Z86" s="771"/>
      <c r="AA86" s="773"/>
      <c r="AB86" s="771"/>
      <c r="AC86" s="773"/>
      <c r="AD86" s="771"/>
      <c r="AE86" s="834"/>
      <c r="AF86" s="775" t="s">
        <v>100</v>
      </c>
      <c r="AG86" s="775"/>
      <c r="AH86" s="775"/>
      <c r="AI86" s="775"/>
      <c r="AJ86" s="775"/>
      <c r="AK86" s="775"/>
      <c r="AL86" s="776"/>
      <c r="AM86" s="783" t="s">
        <v>220</v>
      </c>
      <c r="AN86" s="784"/>
      <c r="AO86" s="784"/>
      <c r="AP86" s="784"/>
      <c r="AQ86" s="784"/>
      <c r="AR86" s="785"/>
      <c r="AS86" s="774"/>
      <c r="AT86" s="775"/>
      <c r="AU86" s="775"/>
      <c r="AV86" s="775"/>
      <c r="AW86" s="775"/>
      <c r="AX86" s="776"/>
      <c r="AY86" s="777"/>
      <c r="AZ86" s="778"/>
      <c r="BA86" s="778"/>
      <c r="BB86" s="778"/>
      <c r="BC86" s="778"/>
      <c r="BD86" s="779"/>
      <c r="BE86" s="780"/>
      <c r="BF86" s="781"/>
      <c r="BG86" s="781"/>
      <c r="BH86" s="781"/>
      <c r="BI86" s="781"/>
      <c r="BJ86" s="782"/>
      <c r="BK86" s="771"/>
      <c r="BL86" s="772"/>
      <c r="BM86" s="772"/>
      <c r="BN86" s="772"/>
      <c r="BO86" s="772"/>
      <c r="BP86" s="772"/>
      <c r="BQ86" s="773"/>
      <c r="BR86" s="771" t="s">
        <v>101</v>
      </c>
      <c r="BS86" s="772"/>
      <c r="BT86" s="772"/>
      <c r="BU86" s="772"/>
      <c r="BV86" s="772"/>
      <c r="BW86" s="772"/>
      <c r="BX86" s="772"/>
      <c r="BY86" s="773"/>
      <c r="BZ86" s="767"/>
      <c r="CA86" s="32"/>
      <c r="CB86" s="32"/>
    </row>
    <row r="87" spans="1:84" ht="9" customHeight="1" x14ac:dyDescent="0.2">
      <c r="D87" s="293"/>
      <c r="E87" s="885" t="s">
        <v>139</v>
      </c>
      <c r="F87" s="886"/>
      <c r="G87" s="886"/>
      <c r="H87" s="886"/>
      <c r="I87" s="886"/>
      <c r="J87" s="886"/>
      <c r="K87" s="886"/>
      <c r="L87" s="886"/>
      <c r="M87" s="886"/>
      <c r="N87" s="886"/>
      <c r="O87" s="9"/>
      <c r="P87" s="10"/>
      <c r="Q87" s="889"/>
      <c r="R87" s="832"/>
      <c r="S87" s="771"/>
      <c r="T87" s="773"/>
      <c r="U87" s="771"/>
      <c r="V87" s="773"/>
      <c r="W87" s="771"/>
      <c r="X87" s="773"/>
      <c r="Y87" s="832"/>
      <c r="Z87" s="771"/>
      <c r="AA87" s="773"/>
      <c r="AB87" s="771"/>
      <c r="AC87" s="773"/>
      <c r="AD87" s="771"/>
      <c r="AE87" s="834"/>
      <c r="AF87" s="775"/>
      <c r="AG87" s="775"/>
      <c r="AH87" s="775"/>
      <c r="AI87" s="775"/>
      <c r="AJ87" s="775"/>
      <c r="AK87" s="775"/>
      <c r="AL87" s="776"/>
      <c r="AM87" s="783"/>
      <c r="AN87" s="784"/>
      <c r="AO87" s="784"/>
      <c r="AP87" s="784"/>
      <c r="AQ87" s="784"/>
      <c r="AR87" s="785"/>
      <c r="AS87" s="18"/>
      <c r="AT87" s="14"/>
      <c r="AU87" s="14"/>
      <c r="AV87" s="14"/>
      <c r="AW87" s="14"/>
      <c r="AX87" s="19"/>
      <c r="AY87" s="9"/>
      <c r="AZ87" s="9"/>
      <c r="BA87" s="9"/>
      <c r="BB87" s="9"/>
      <c r="BC87" s="9"/>
      <c r="BD87" s="10"/>
      <c r="BE87" s="9"/>
      <c r="BF87" s="9"/>
      <c r="BG87" s="9"/>
      <c r="BH87" s="9"/>
      <c r="BI87" s="9"/>
      <c r="BJ87" s="10"/>
      <c r="BK87" s="17"/>
      <c r="BL87" s="9"/>
      <c r="BM87" s="9"/>
      <c r="BN87" s="9"/>
      <c r="BO87" s="9"/>
      <c r="BP87" s="9"/>
      <c r="BQ87" s="9"/>
      <c r="BR87" s="771"/>
      <c r="BS87" s="772"/>
      <c r="BT87" s="772"/>
      <c r="BU87" s="772"/>
      <c r="BV87" s="772"/>
      <c r="BW87" s="772"/>
      <c r="BX87" s="772"/>
      <c r="BY87" s="773"/>
      <c r="BZ87" s="767"/>
      <c r="CA87" s="32"/>
      <c r="CB87" s="32"/>
    </row>
    <row r="88" spans="1:84" ht="0.45" customHeight="1" x14ac:dyDescent="0.2">
      <c r="D88" s="294">
        <v>13</v>
      </c>
      <c r="E88" s="887"/>
      <c r="F88" s="887"/>
      <c r="G88" s="887"/>
      <c r="H88" s="887"/>
      <c r="I88" s="887"/>
      <c r="J88" s="887"/>
      <c r="K88" s="887"/>
      <c r="L88" s="887"/>
      <c r="M88" s="887"/>
      <c r="N88" s="887"/>
      <c r="O88" s="14"/>
      <c r="P88" s="13">
        <v>25</v>
      </c>
      <c r="Q88" s="342">
        <v>26</v>
      </c>
      <c r="R88" s="26">
        <v>27</v>
      </c>
      <c r="S88" s="12">
        <v>28</v>
      </c>
      <c r="T88" s="13">
        <v>29</v>
      </c>
      <c r="U88" s="12">
        <v>30</v>
      </c>
      <c r="V88" s="13">
        <v>31</v>
      </c>
      <c r="W88" s="12">
        <v>32</v>
      </c>
      <c r="X88" s="13">
        <v>33</v>
      </c>
      <c r="Y88" s="26">
        <v>34</v>
      </c>
      <c r="Z88" s="12">
        <v>35</v>
      </c>
      <c r="AA88" s="13">
        <v>36</v>
      </c>
      <c r="AB88" s="12">
        <v>37</v>
      </c>
      <c r="AC88" s="13">
        <v>38</v>
      </c>
      <c r="AD88" s="12">
        <v>39</v>
      </c>
      <c r="AE88" s="295">
        <v>40</v>
      </c>
      <c r="AF88" s="28">
        <v>41</v>
      </c>
      <c r="AG88" s="27"/>
      <c r="AH88" s="27"/>
      <c r="AI88" s="27"/>
      <c r="AJ88" s="27"/>
      <c r="AK88" s="27"/>
      <c r="AL88" s="13">
        <v>47</v>
      </c>
      <c r="AM88" s="24"/>
      <c r="AN88" s="24"/>
      <c r="AO88" s="24"/>
      <c r="AP88" s="24"/>
      <c r="AQ88" s="24"/>
      <c r="AR88" s="24"/>
      <c r="AS88" s="27"/>
      <c r="AT88" s="27"/>
      <c r="AU88" s="27"/>
      <c r="AV88" s="27"/>
      <c r="AW88" s="27"/>
      <c r="AX88" s="13">
        <v>54</v>
      </c>
      <c r="AY88" s="27"/>
      <c r="AZ88" s="27"/>
      <c r="BA88" s="27"/>
      <c r="BB88" s="27"/>
      <c r="BC88" s="27"/>
      <c r="BD88" s="13">
        <v>61</v>
      </c>
      <c r="BE88" s="27"/>
      <c r="BF88" s="27"/>
      <c r="BG88" s="27"/>
      <c r="BH88" s="27"/>
      <c r="BI88" s="27"/>
      <c r="BJ88" s="13">
        <v>68</v>
      </c>
      <c r="BK88" s="12">
        <v>69</v>
      </c>
      <c r="BL88" s="27"/>
      <c r="BM88" s="27"/>
      <c r="BN88" s="27"/>
      <c r="BO88" s="27"/>
      <c r="BP88" s="27"/>
      <c r="BQ88" s="24">
        <v>75</v>
      </c>
      <c r="BR88" s="12">
        <v>76</v>
      </c>
      <c r="BS88" s="27"/>
      <c r="BT88" s="27"/>
      <c r="BU88" s="27"/>
      <c r="BV88" s="27"/>
      <c r="BW88" s="27"/>
      <c r="BX88" s="24"/>
      <c r="BY88" s="13">
        <v>83</v>
      </c>
      <c r="BZ88" s="26">
        <v>84</v>
      </c>
      <c r="CA88" s="35"/>
      <c r="CB88" s="35"/>
      <c r="CC88" s="36"/>
      <c r="CD88" s="36"/>
      <c r="CE88" s="36"/>
      <c r="CF88" s="36"/>
    </row>
    <row r="89" spans="1:84" ht="8.25" customHeight="1" x14ac:dyDescent="0.2">
      <c r="D89" s="882"/>
      <c r="E89" s="799"/>
      <c r="F89" s="799"/>
      <c r="G89" s="799"/>
      <c r="H89" s="799"/>
      <c r="I89" s="799"/>
      <c r="J89" s="799"/>
      <c r="K89" s="799"/>
      <c r="L89" s="799"/>
      <c r="M89" s="799"/>
      <c r="N89" s="799"/>
      <c r="O89" s="799"/>
      <c r="P89" s="802"/>
      <c r="Q89" s="760"/>
      <c r="R89" s="760"/>
      <c r="S89" s="835"/>
      <c r="T89" s="802"/>
      <c r="U89" s="835"/>
      <c r="V89" s="802"/>
      <c r="W89" s="835"/>
      <c r="X89" s="802"/>
      <c r="Y89" s="760"/>
      <c r="Z89" s="835"/>
      <c r="AA89" s="802"/>
      <c r="AB89" s="835"/>
      <c r="AC89" s="802"/>
      <c r="AD89" s="835"/>
      <c r="AE89" s="851"/>
      <c r="AF89" s="854"/>
      <c r="AG89" s="754"/>
      <c r="AH89" s="748"/>
      <c r="AI89" s="37" t="s">
        <v>102</v>
      </c>
      <c r="AJ89" s="754"/>
      <c r="AK89" s="748"/>
      <c r="AL89" s="37" t="s">
        <v>103</v>
      </c>
      <c r="AM89" s="754"/>
      <c r="AN89" s="748"/>
      <c r="AO89" s="37" t="s">
        <v>102</v>
      </c>
      <c r="AP89" s="754"/>
      <c r="AQ89" s="748"/>
      <c r="AR89" s="37" t="s">
        <v>103</v>
      </c>
      <c r="AS89" s="754"/>
      <c r="AT89" s="748"/>
      <c r="AU89" s="37" t="s">
        <v>102</v>
      </c>
      <c r="AV89" s="754"/>
      <c r="AW89" s="748"/>
      <c r="AX89" s="37" t="s">
        <v>103</v>
      </c>
      <c r="AY89" s="754"/>
      <c r="AZ89" s="748"/>
      <c r="BA89" s="37" t="s">
        <v>102</v>
      </c>
      <c r="BB89" s="754"/>
      <c r="BC89" s="748"/>
      <c r="BD89" s="37" t="s">
        <v>103</v>
      </c>
      <c r="BE89" s="754"/>
      <c r="BF89" s="748"/>
      <c r="BG89" s="37" t="s">
        <v>102</v>
      </c>
      <c r="BH89" s="754"/>
      <c r="BI89" s="748"/>
      <c r="BJ89" s="37" t="s">
        <v>103</v>
      </c>
      <c r="BK89" s="751"/>
      <c r="BL89" s="754"/>
      <c r="BM89" s="748"/>
      <c r="BN89" s="37" t="s">
        <v>102</v>
      </c>
      <c r="BO89" s="754"/>
      <c r="BP89" s="748"/>
      <c r="BQ89" s="38" t="s">
        <v>103</v>
      </c>
      <c r="BR89" s="754"/>
      <c r="BS89" s="765"/>
      <c r="BT89" s="754"/>
      <c r="BU89" s="757"/>
      <c r="BV89" s="39" t="s">
        <v>102</v>
      </c>
      <c r="BW89" s="754"/>
      <c r="BX89" s="757"/>
      <c r="BY89" s="39" t="s">
        <v>103</v>
      </c>
      <c r="BZ89" s="760"/>
      <c r="CA89" s="9"/>
      <c r="CB89" s="9"/>
    </row>
    <row r="90" spans="1:84" ht="8.25" customHeight="1" x14ac:dyDescent="0.2">
      <c r="D90" s="883"/>
      <c r="E90" s="800"/>
      <c r="F90" s="800"/>
      <c r="G90" s="800"/>
      <c r="H90" s="800"/>
      <c r="I90" s="800"/>
      <c r="J90" s="800"/>
      <c r="K90" s="800"/>
      <c r="L90" s="800"/>
      <c r="M90" s="800"/>
      <c r="N90" s="800"/>
      <c r="O90" s="800"/>
      <c r="P90" s="803"/>
      <c r="Q90" s="761"/>
      <c r="R90" s="761"/>
      <c r="S90" s="836"/>
      <c r="T90" s="803"/>
      <c r="U90" s="836"/>
      <c r="V90" s="803"/>
      <c r="W90" s="836"/>
      <c r="X90" s="803"/>
      <c r="Y90" s="761"/>
      <c r="Z90" s="836"/>
      <c r="AA90" s="803"/>
      <c r="AB90" s="836"/>
      <c r="AC90" s="803"/>
      <c r="AD90" s="836"/>
      <c r="AE90" s="852"/>
      <c r="AF90" s="855"/>
      <c r="AG90" s="755"/>
      <c r="AH90" s="749"/>
      <c r="AI90" s="763"/>
      <c r="AJ90" s="755"/>
      <c r="AK90" s="749"/>
      <c r="AL90" s="763"/>
      <c r="AM90" s="755"/>
      <c r="AN90" s="749"/>
      <c r="AO90" s="763"/>
      <c r="AP90" s="755"/>
      <c r="AQ90" s="749"/>
      <c r="AR90" s="763"/>
      <c r="AS90" s="755"/>
      <c r="AT90" s="749"/>
      <c r="AU90" s="763"/>
      <c r="AV90" s="755"/>
      <c r="AW90" s="749"/>
      <c r="AX90" s="763"/>
      <c r="AY90" s="755"/>
      <c r="AZ90" s="749"/>
      <c r="BA90" s="763"/>
      <c r="BB90" s="755"/>
      <c r="BC90" s="749"/>
      <c r="BD90" s="763"/>
      <c r="BE90" s="755"/>
      <c r="BF90" s="749"/>
      <c r="BG90" s="763"/>
      <c r="BH90" s="755"/>
      <c r="BI90" s="749"/>
      <c r="BJ90" s="763"/>
      <c r="BK90" s="752"/>
      <c r="BL90" s="755"/>
      <c r="BM90" s="749"/>
      <c r="BN90" s="763"/>
      <c r="BO90" s="755"/>
      <c r="BP90" s="749"/>
      <c r="BQ90" s="763"/>
      <c r="BR90" s="755"/>
      <c r="BS90" s="763"/>
      <c r="BT90" s="755"/>
      <c r="BU90" s="758"/>
      <c r="BV90" s="763"/>
      <c r="BW90" s="755"/>
      <c r="BX90" s="758"/>
      <c r="BY90" s="763"/>
      <c r="BZ90" s="761"/>
      <c r="CA90" s="9"/>
      <c r="CB90" s="9"/>
    </row>
    <row r="91" spans="1:84" ht="8.25" customHeight="1" thickBot="1" x14ac:dyDescent="0.25">
      <c r="D91" s="884"/>
      <c r="E91" s="877"/>
      <c r="F91" s="877"/>
      <c r="G91" s="877"/>
      <c r="H91" s="877"/>
      <c r="I91" s="877"/>
      <c r="J91" s="877"/>
      <c r="K91" s="877"/>
      <c r="L91" s="877"/>
      <c r="M91" s="877"/>
      <c r="N91" s="877"/>
      <c r="O91" s="877"/>
      <c r="P91" s="850"/>
      <c r="Q91" s="786"/>
      <c r="R91" s="786"/>
      <c r="S91" s="837"/>
      <c r="T91" s="850"/>
      <c r="U91" s="837"/>
      <c r="V91" s="850"/>
      <c r="W91" s="837"/>
      <c r="X91" s="850"/>
      <c r="Y91" s="786"/>
      <c r="Z91" s="837"/>
      <c r="AA91" s="850"/>
      <c r="AB91" s="837"/>
      <c r="AC91" s="850"/>
      <c r="AD91" s="837"/>
      <c r="AE91" s="853"/>
      <c r="AF91" s="856"/>
      <c r="AG91" s="756"/>
      <c r="AH91" s="750"/>
      <c r="AI91" s="764"/>
      <c r="AJ91" s="756"/>
      <c r="AK91" s="750"/>
      <c r="AL91" s="764"/>
      <c r="AM91" s="756"/>
      <c r="AN91" s="750"/>
      <c r="AO91" s="764"/>
      <c r="AP91" s="756"/>
      <c r="AQ91" s="750"/>
      <c r="AR91" s="764"/>
      <c r="AS91" s="756"/>
      <c r="AT91" s="750"/>
      <c r="AU91" s="764"/>
      <c r="AV91" s="756"/>
      <c r="AW91" s="750"/>
      <c r="AX91" s="764"/>
      <c r="AY91" s="756"/>
      <c r="AZ91" s="750"/>
      <c r="BA91" s="764"/>
      <c r="BB91" s="756"/>
      <c r="BC91" s="750"/>
      <c r="BD91" s="764"/>
      <c r="BE91" s="756"/>
      <c r="BF91" s="750"/>
      <c r="BG91" s="764"/>
      <c r="BH91" s="756"/>
      <c r="BI91" s="750"/>
      <c r="BJ91" s="764"/>
      <c r="BK91" s="753"/>
      <c r="BL91" s="756"/>
      <c r="BM91" s="750"/>
      <c r="BN91" s="764"/>
      <c r="BO91" s="756"/>
      <c r="BP91" s="750"/>
      <c r="BQ91" s="764"/>
      <c r="BR91" s="756"/>
      <c r="BS91" s="764"/>
      <c r="BT91" s="756"/>
      <c r="BU91" s="759"/>
      <c r="BV91" s="764"/>
      <c r="BW91" s="756"/>
      <c r="BX91" s="759"/>
      <c r="BY91" s="764"/>
      <c r="BZ91" s="762"/>
      <c r="CA91" s="9"/>
      <c r="CB91" s="9"/>
    </row>
    <row r="92" spans="1:84" ht="8.25" customHeight="1" x14ac:dyDescent="0.2"/>
    <row r="93" spans="1:84" ht="8.25" customHeight="1" x14ac:dyDescent="0.2"/>
    <row r="94" spans="1:84" ht="8.25" customHeight="1" x14ac:dyDescent="0.2"/>
    <row r="95" spans="1:84" ht="8.25" customHeight="1" x14ac:dyDescent="0.2"/>
    <row r="96" spans="1:84" ht="8.25" customHeight="1" x14ac:dyDescent="0.2"/>
    <row r="97" ht="8.25" customHeight="1" x14ac:dyDescent="0.2"/>
    <row r="98" ht="8.25" customHeight="1" x14ac:dyDescent="0.2"/>
    <row r="99" ht="8.25" customHeight="1" x14ac:dyDescent="0.2"/>
    <row r="100" ht="9" customHeight="1" x14ac:dyDescent="0.2"/>
    <row r="101" ht="9" customHeight="1" x14ac:dyDescent="0.2"/>
    <row r="102" ht="9" customHeight="1" x14ac:dyDescent="0.2"/>
    <row r="103" ht="9" customHeight="1" x14ac:dyDescent="0.2"/>
    <row r="104" ht="9" customHeight="1" x14ac:dyDescent="0.2"/>
    <row r="105" ht="9" customHeight="1" x14ac:dyDescent="0.2"/>
    <row r="106" ht="9" customHeight="1" x14ac:dyDescent="0.2"/>
    <row r="107" ht="9" customHeight="1" x14ac:dyDescent="0.2"/>
    <row r="108" ht="9" customHeight="1" x14ac:dyDescent="0.2"/>
    <row r="109" ht="9" customHeight="1" x14ac:dyDescent="0.2"/>
    <row r="110" ht="9" customHeight="1" x14ac:dyDescent="0.2"/>
    <row r="111" ht="9" customHeight="1" x14ac:dyDescent="0.2"/>
    <row r="112" ht="9" customHeight="1" x14ac:dyDescent="0.2"/>
    <row r="113" ht="9" customHeight="1" x14ac:dyDescent="0.2"/>
    <row r="114" ht="9" customHeight="1" x14ac:dyDescent="0.2"/>
    <row r="115" ht="9" customHeight="1" x14ac:dyDescent="0.2"/>
    <row r="116" ht="9" customHeight="1" x14ac:dyDescent="0.2"/>
    <row r="117" ht="9" customHeight="1" x14ac:dyDescent="0.2"/>
    <row r="118" ht="9" customHeight="1" x14ac:dyDescent="0.2"/>
    <row r="119" ht="9" customHeight="1" x14ac:dyDescent="0.2"/>
    <row r="120" ht="9" customHeight="1" x14ac:dyDescent="0.2"/>
    <row r="121" ht="9" customHeight="1" x14ac:dyDescent="0.2"/>
    <row r="122" ht="9" customHeight="1" x14ac:dyDescent="0.2"/>
    <row r="123" ht="9" customHeight="1" x14ac:dyDescent="0.2"/>
    <row r="124" ht="9" customHeight="1" x14ac:dyDescent="0.2"/>
    <row r="125" ht="9" customHeight="1" x14ac:dyDescent="0.2"/>
    <row r="126" ht="9" customHeight="1" x14ac:dyDescent="0.2"/>
    <row r="127" ht="9" customHeight="1" x14ac:dyDescent="0.2"/>
    <row r="128" ht="9" customHeight="1" x14ac:dyDescent="0.2"/>
    <row r="129" ht="9" customHeight="1" x14ac:dyDescent="0.2"/>
    <row r="130" ht="9" customHeight="1" x14ac:dyDescent="0.2"/>
    <row r="131" ht="9" customHeight="1" x14ac:dyDescent="0.2"/>
    <row r="132" ht="9" customHeight="1" x14ac:dyDescent="0.2"/>
    <row r="133" ht="9" customHeight="1" x14ac:dyDescent="0.2"/>
    <row r="134" ht="9" customHeight="1" x14ac:dyDescent="0.2"/>
    <row r="135" ht="9" customHeight="1" x14ac:dyDescent="0.2"/>
    <row r="136" ht="9" customHeight="1" x14ac:dyDescent="0.2"/>
    <row r="137" ht="9" customHeight="1" x14ac:dyDescent="0.2"/>
    <row r="138" ht="9" customHeight="1" x14ac:dyDescent="0.2"/>
    <row r="139" ht="9" customHeight="1" x14ac:dyDescent="0.2"/>
    <row r="140" ht="9" customHeight="1" x14ac:dyDescent="0.2"/>
    <row r="141" ht="9" customHeight="1" x14ac:dyDescent="0.2"/>
    <row r="142" ht="9" customHeight="1" x14ac:dyDescent="0.2"/>
    <row r="143" ht="9" customHeight="1" x14ac:dyDescent="0.2"/>
    <row r="144" ht="9" customHeight="1" x14ac:dyDescent="0.2"/>
    <row r="145" ht="9" customHeight="1" x14ac:dyDescent="0.2"/>
    <row r="146" ht="9" customHeight="1" x14ac:dyDescent="0.2"/>
    <row r="147" ht="9" customHeight="1" x14ac:dyDescent="0.2"/>
    <row r="148" ht="9" customHeight="1" x14ac:dyDescent="0.2"/>
    <row r="149" ht="9" customHeight="1" x14ac:dyDescent="0.2"/>
    <row r="150" ht="9" customHeight="1" x14ac:dyDescent="0.2"/>
    <row r="151" ht="9" customHeight="1" x14ac:dyDescent="0.2"/>
    <row r="152" ht="9"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row r="174" ht="9" customHeight="1" x14ac:dyDescent="0.2"/>
    <row r="175" ht="9" customHeight="1" x14ac:dyDescent="0.2"/>
    <row r="176" ht="9" customHeight="1" x14ac:dyDescent="0.2"/>
    <row r="177" ht="9" customHeight="1" x14ac:dyDescent="0.2"/>
    <row r="178" ht="9" customHeight="1" x14ac:dyDescent="0.2"/>
    <row r="179" ht="9" customHeight="1" x14ac:dyDescent="0.2"/>
    <row r="180" ht="9" customHeight="1" x14ac:dyDescent="0.2"/>
    <row r="181" ht="9" customHeight="1" x14ac:dyDescent="0.2"/>
    <row r="182" ht="9" customHeight="1" x14ac:dyDescent="0.2"/>
    <row r="183" ht="9" customHeight="1" x14ac:dyDescent="0.2"/>
    <row r="184" ht="9" customHeight="1" x14ac:dyDescent="0.2"/>
    <row r="185" ht="9" customHeight="1" x14ac:dyDescent="0.2"/>
    <row r="186" ht="9" customHeight="1" x14ac:dyDescent="0.2"/>
    <row r="187" ht="9" customHeight="1" x14ac:dyDescent="0.2"/>
    <row r="188" ht="9" customHeight="1" x14ac:dyDescent="0.2"/>
    <row r="189" ht="9" customHeight="1" x14ac:dyDescent="0.2"/>
    <row r="190" ht="9" customHeight="1" x14ac:dyDescent="0.2"/>
    <row r="191" ht="9" customHeight="1" x14ac:dyDescent="0.2"/>
    <row r="192" ht="9" customHeight="1" x14ac:dyDescent="0.2"/>
    <row r="193" ht="9" customHeight="1" x14ac:dyDescent="0.2"/>
    <row r="194" ht="9" customHeight="1" x14ac:dyDescent="0.2"/>
    <row r="195" ht="9" customHeight="1" x14ac:dyDescent="0.2"/>
    <row r="196" ht="9" customHeight="1" x14ac:dyDescent="0.2"/>
    <row r="197" ht="9" customHeight="1" x14ac:dyDescent="0.2"/>
    <row r="198" ht="9" customHeight="1" x14ac:dyDescent="0.2"/>
    <row r="199" ht="9" customHeight="1" x14ac:dyDescent="0.2"/>
    <row r="200" ht="9" customHeight="1" x14ac:dyDescent="0.2"/>
    <row r="201" ht="9" customHeight="1" x14ac:dyDescent="0.2"/>
    <row r="202" ht="9" customHeight="1" x14ac:dyDescent="0.2"/>
    <row r="203" ht="9" customHeight="1" x14ac:dyDescent="0.2"/>
    <row r="204" ht="9" customHeight="1" x14ac:dyDescent="0.2"/>
    <row r="205" ht="9" customHeight="1" x14ac:dyDescent="0.2"/>
    <row r="206" ht="9" customHeight="1" x14ac:dyDescent="0.2"/>
    <row r="207" ht="9" customHeight="1" x14ac:dyDescent="0.2"/>
    <row r="208" ht="9" customHeight="1" x14ac:dyDescent="0.2"/>
    <row r="209" ht="9" customHeight="1" x14ac:dyDescent="0.2"/>
    <row r="210" ht="9" customHeight="1" x14ac:dyDescent="0.2"/>
    <row r="211" ht="9" customHeight="1" x14ac:dyDescent="0.2"/>
    <row r="212" ht="9" customHeight="1" x14ac:dyDescent="0.2"/>
    <row r="213" ht="9" customHeight="1" x14ac:dyDescent="0.2"/>
    <row r="214" ht="9" customHeight="1" x14ac:dyDescent="0.2"/>
    <row r="215" ht="9" customHeight="1" x14ac:dyDescent="0.2"/>
    <row r="216" ht="9" customHeight="1" x14ac:dyDescent="0.2"/>
    <row r="217" ht="9" customHeight="1" x14ac:dyDescent="0.2"/>
    <row r="218" ht="9" customHeight="1" x14ac:dyDescent="0.2"/>
    <row r="219" ht="9" customHeight="1" x14ac:dyDescent="0.2"/>
    <row r="220" ht="9" customHeight="1" x14ac:dyDescent="0.2"/>
    <row r="221" ht="9" customHeight="1" x14ac:dyDescent="0.2"/>
    <row r="222" ht="9" customHeight="1" x14ac:dyDescent="0.2"/>
    <row r="223" ht="9" customHeight="1" x14ac:dyDescent="0.2"/>
    <row r="224" ht="9" customHeight="1" x14ac:dyDescent="0.2"/>
    <row r="225" ht="9" customHeight="1" x14ac:dyDescent="0.2"/>
    <row r="226" ht="9" customHeight="1" x14ac:dyDescent="0.2"/>
    <row r="227" ht="9" customHeight="1" x14ac:dyDescent="0.2"/>
    <row r="228" ht="9" customHeight="1" x14ac:dyDescent="0.2"/>
    <row r="229" ht="9" customHeight="1" x14ac:dyDescent="0.2"/>
    <row r="230" ht="9" customHeight="1" x14ac:dyDescent="0.2"/>
    <row r="231" ht="9" customHeight="1" x14ac:dyDescent="0.2"/>
    <row r="232" ht="9" customHeight="1" x14ac:dyDescent="0.2"/>
    <row r="233" ht="9" customHeight="1" x14ac:dyDescent="0.2"/>
    <row r="234" ht="9" customHeight="1" x14ac:dyDescent="0.2"/>
    <row r="235" ht="9" customHeight="1" x14ac:dyDescent="0.2"/>
    <row r="236" ht="9" customHeight="1" x14ac:dyDescent="0.2"/>
    <row r="237" ht="9" customHeight="1" x14ac:dyDescent="0.2"/>
    <row r="238" ht="9" customHeight="1" x14ac:dyDescent="0.2"/>
    <row r="239" ht="9" customHeight="1" x14ac:dyDescent="0.2"/>
    <row r="240" ht="9" customHeight="1" x14ac:dyDescent="0.2"/>
    <row r="241" ht="9" customHeight="1" x14ac:dyDescent="0.2"/>
    <row r="242" ht="9" customHeight="1" x14ac:dyDescent="0.2"/>
    <row r="243" ht="9" customHeight="1" x14ac:dyDescent="0.2"/>
    <row r="244" ht="9" customHeight="1" x14ac:dyDescent="0.2"/>
    <row r="245" ht="9" customHeight="1" x14ac:dyDescent="0.2"/>
    <row r="246" ht="9" customHeight="1" x14ac:dyDescent="0.2"/>
    <row r="247" ht="9" customHeight="1" x14ac:dyDescent="0.2"/>
    <row r="248" ht="9" customHeight="1" x14ac:dyDescent="0.2"/>
    <row r="249" ht="9" customHeight="1" x14ac:dyDescent="0.2"/>
    <row r="250" ht="9" customHeight="1" x14ac:dyDescent="0.2"/>
    <row r="251" ht="9" customHeight="1" x14ac:dyDescent="0.2"/>
    <row r="252" ht="9" customHeight="1" x14ac:dyDescent="0.2"/>
    <row r="253" ht="9" customHeight="1" x14ac:dyDescent="0.2"/>
  </sheetData>
  <mergeCells count="702">
    <mergeCell ref="BX89:BX91"/>
    <mergeCell ref="BD90:BD91"/>
    <mergeCell ref="BG90:BG91"/>
    <mergeCell ref="BC89:BC91"/>
    <mergeCell ref="BE89:BE91"/>
    <mergeCell ref="BF89:BF91"/>
    <mergeCell ref="BH89:BH91"/>
    <mergeCell ref="AY89:AY91"/>
    <mergeCell ref="BB89:BB91"/>
    <mergeCell ref="BW89:BW91"/>
    <mergeCell ref="AK89:AK91"/>
    <mergeCell ref="AT89:AT91"/>
    <mergeCell ref="AV89:AV91"/>
    <mergeCell ref="AL90:AL91"/>
    <mergeCell ref="AF89:AF91"/>
    <mergeCell ref="AG89:AG91"/>
    <mergeCell ref="AH89:AH91"/>
    <mergeCell ref="AJ89:AJ91"/>
    <mergeCell ref="AI90:AI91"/>
    <mergeCell ref="AM89:AM91"/>
    <mergeCell ref="AN89:AN91"/>
    <mergeCell ref="AP89:AP91"/>
    <mergeCell ref="AQ89:AQ91"/>
    <mergeCell ref="AS89:AS91"/>
    <mergeCell ref="AB89:AB91"/>
    <mergeCell ref="AC89:AC91"/>
    <mergeCell ref="AD89:AD91"/>
    <mergeCell ref="AE89:AE91"/>
    <mergeCell ref="X89:X91"/>
    <mergeCell ref="Y89:Y91"/>
    <mergeCell ref="Z89:Z91"/>
    <mergeCell ref="AA89:AA91"/>
    <mergeCell ref="T89:T91"/>
    <mergeCell ref="U89:U91"/>
    <mergeCell ref="V89:V91"/>
    <mergeCell ref="W89:W91"/>
    <mergeCell ref="R89:R91"/>
    <mergeCell ref="S89:S91"/>
    <mergeCell ref="L89:L91"/>
    <mergeCell ref="M89:M91"/>
    <mergeCell ref="N89:N91"/>
    <mergeCell ref="O89:O91"/>
    <mergeCell ref="H89:H91"/>
    <mergeCell ref="I89:I91"/>
    <mergeCell ref="J89:J91"/>
    <mergeCell ref="K89:K91"/>
    <mergeCell ref="BZ79:CA81"/>
    <mergeCell ref="BQ79:BQ81"/>
    <mergeCell ref="BS79:BY81"/>
    <mergeCell ref="BD79:BE81"/>
    <mergeCell ref="BC79:BC81"/>
    <mergeCell ref="BM69:BM71"/>
    <mergeCell ref="BZ73:BZ77"/>
    <mergeCell ref="CA73:CA77"/>
    <mergeCell ref="D89:D91"/>
    <mergeCell ref="E89:E91"/>
    <mergeCell ref="F89:F91"/>
    <mergeCell ref="G89:G91"/>
    <mergeCell ref="BF79:BG81"/>
    <mergeCell ref="BH79:BI81"/>
    <mergeCell ref="AV79:AV81"/>
    <mergeCell ref="AW79:AW81"/>
    <mergeCell ref="AY79:AY81"/>
    <mergeCell ref="Y79:AA81"/>
    <mergeCell ref="AB79:AB81"/>
    <mergeCell ref="AC79:AC81"/>
    <mergeCell ref="AF86:AL87"/>
    <mergeCell ref="J79:K81"/>
    <mergeCell ref="P89:P91"/>
    <mergeCell ref="Q89:Q91"/>
    <mergeCell ref="A79:A81"/>
    <mergeCell ref="B79:B81"/>
    <mergeCell ref="C79:C81"/>
    <mergeCell ref="D79:E81"/>
    <mergeCell ref="AD79:AK81"/>
    <mergeCell ref="T73:X74"/>
    <mergeCell ref="AB75:AC77"/>
    <mergeCell ref="F75:Q76"/>
    <mergeCell ref="T75:V77"/>
    <mergeCell ref="W75:X77"/>
    <mergeCell ref="Y75:AA77"/>
    <mergeCell ref="L79:M81"/>
    <mergeCell ref="N79:O81"/>
    <mergeCell ref="P79:Q81"/>
    <mergeCell ref="R79:S81"/>
    <mergeCell ref="T79:V81"/>
    <mergeCell ref="W79:W81"/>
    <mergeCell ref="X79:X81"/>
    <mergeCell ref="A74:C77"/>
    <mergeCell ref="F79:G81"/>
    <mergeCell ref="H79:I81"/>
    <mergeCell ref="AL79:AO81"/>
    <mergeCell ref="AQ79:AQ81"/>
    <mergeCell ref="AU79:AU81"/>
    <mergeCell ref="BZ59:CA61"/>
    <mergeCell ref="AQ59:AQ61"/>
    <mergeCell ref="AR59:AR61"/>
    <mergeCell ref="AS59:AS61"/>
    <mergeCell ref="BH59:BI61"/>
    <mergeCell ref="BJ59:BP61"/>
    <mergeCell ref="BQ59:BQ61"/>
    <mergeCell ref="AU59:AU61"/>
    <mergeCell ref="BN70:BN71"/>
    <mergeCell ref="BT69:BT71"/>
    <mergeCell ref="BZ78:CA78"/>
    <mergeCell ref="AL75:AO77"/>
    <mergeCell ref="AP75:AP77"/>
    <mergeCell ref="AQ75:BC77"/>
    <mergeCell ref="BF75:BF77"/>
    <mergeCell ref="BG75:BG77"/>
    <mergeCell ref="BH75:BH77"/>
    <mergeCell ref="BI75:BI77"/>
    <mergeCell ref="BR75:BR77"/>
    <mergeCell ref="BS75:BY77"/>
    <mergeCell ref="BJ76:BP77"/>
    <mergeCell ref="AT69:AT71"/>
    <mergeCell ref="AF69:AF71"/>
    <mergeCell ref="AG69:AG71"/>
    <mergeCell ref="AH69:AH71"/>
    <mergeCell ref="AJ69:AJ71"/>
    <mergeCell ref="AB69:AB71"/>
    <mergeCell ref="AC69:AC71"/>
    <mergeCell ref="AD69:AD71"/>
    <mergeCell ref="AE69:AE71"/>
    <mergeCell ref="AM69:AM71"/>
    <mergeCell ref="AN69:AN71"/>
    <mergeCell ref="AP69:AP71"/>
    <mergeCell ref="AQ69:AQ71"/>
    <mergeCell ref="AS69:AS71"/>
    <mergeCell ref="AI70:AI71"/>
    <mergeCell ref="AL70:AL71"/>
    <mergeCell ref="AK69:AK71"/>
    <mergeCell ref="AR70:AR71"/>
    <mergeCell ref="AF66:AL67"/>
    <mergeCell ref="AF64:AL65"/>
    <mergeCell ref="E65:O66"/>
    <mergeCell ref="R65:R67"/>
    <mergeCell ref="R63:X64"/>
    <mergeCell ref="Y63:AE64"/>
    <mergeCell ref="S65:T67"/>
    <mergeCell ref="U65:V67"/>
    <mergeCell ref="AC59:AC61"/>
    <mergeCell ref="D69:D71"/>
    <mergeCell ref="E69:E71"/>
    <mergeCell ref="F69:F71"/>
    <mergeCell ref="G69:G71"/>
    <mergeCell ref="H69:H71"/>
    <mergeCell ref="AB59:AB61"/>
    <mergeCell ref="I69:I71"/>
    <mergeCell ref="A54:C57"/>
    <mergeCell ref="T53:X54"/>
    <mergeCell ref="W59:W61"/>
    <mergeCell ref="X59:X61"/>
    <mergeCell ref="T69:T71"/>
    <mergeCell ref="U69:U71"/>
    <mergeCell ref="V69:V71"/>
    <mergeCell ref="X69:X71"/>
    <mergeCell ref="A59:A61"/>
    <mergeCell ref="B59:B61"/>
    <mergeCell ref="C59:C61"/>
    <mergeCell ref="D59:E61"/>
    <mergeCell ref="R59:S61"/>
    <mergeCell ref="T59:V61"/>
    <mergeCell ref="Y69:Y71"/>
    <mergeCell ref="Z69:Z71"/>
    <mergeCell ref="AA69:AA71"/>
    <mergeCell ref="O49:O51"/>
    <mergeCell ref="P49:P51"/>
    <mergeCell ref="Q43:Q47"/>
    <mergeCell ref="H39:I41"/>
    <mergeCell ref="N39:O41"/>
    <mergeCell ref="BZ39:CA41"/>
    <mergeCell ref="D49:D51"/>
    <mergeCell ref="E49:E51"/>
    <mergeCell ref="F49:F51"/>
    <mergeCell ref="G49:G51"/>
    <mergeCell ref="H49:H51"/>
    <mergeCell ref="I49:I51"/>
    <mergeCell ref="J49:J51"/>
    <mergeCell ref="AY39:AY41"/>
    <mergeCell ref="BD39:BE41"/>
    <mergeCell ref="AQ39:AQ41"/>
    <mergeCell ref="AR39:AR41"/>
    <mergeCell ref="AS39:AS41"/>
    <mergeCell ref="AU39:AU41"/>
    <mergeCell ref="T39:V41"/>
    <mergeCell ref="W39:W41"/>
    <mergeCell ref="X39:X41"/>
    <mergeCell ref="P39:Q41"/>
    <mergeCell ref="BL49:BL51"/>
    <mergeCell ref="BK4:BM8"/>
    <mergeCell ref="BF4:BH8"/>
    <mergeCell ref="BI6:BJ8"/>
    <mergeCell ref="AY19:AY21"/>
    <mergeCell ref="AZ19:AZ21"/>
    <mergeCell ref="A39:A41"/>
    <mergeCell ref="B39:B41"/>
    <mergeCell ref="C39:C41"/>
    <mergeCell ref="U49:U51"/>
    <mergeCell ref="V49:V51"/>
    <mergeCell ref="W49:W51"/>
    <mergeCell ref="X49:X51"/>
    <mergeCell ref="R39:S41"/>
    <mergeCell ref="R49:R51"/>
    <mergeCell ref="S49:S51"/>
    <mergeCell ref="T49:T51"/>
    <mergeCell ref="E47:N48"/>
    <mergeCell ref="J39:K41"/>
    <mergeCell ref="F39:G41"/>
    <mergeCell ref="L39:M41"/>
    <mergeCell ref="K49:K51"/>
    <mergeCell ref="L49:L51"/>
    <mergeCell ref="M49:M51"/>
    <mergeCell ref="N49:N51"/>
    <mergeCell ref="BZ18:CA18"/>
    <mergeCell ref="BQ19:BQ21"/>
    <mergeCell ref="BJ19:BP21"/>
    <mergeCell ref="BS19:BY21"/>
    <mergeCell ref="BH19:BI21"/>
    <mergeCell ref="BF19:BG21"/>
    <mergeCell ref="BD19:BE21"/>
    <mergeCell ref="BA19:BA21"/>
    <mergeCell ref="BJ14:BP15"/>
    <mergeCell ref="BQ13:BQ17"/>
    <mergeCell ref="BR13:BY14"/>
    <mergeCell ref="BR15:BR17"/>
    <mergeCell ref="A2:CC2"/>
    <mergeCell ref="AP15:AP17"/>
    <mergeCell ref="AP13:BC14"/>
    <mergeCell ref="AQ15:BC17"/>
    <mergeCell ref="BD14:BI14"/>
    <mergeCell ref="BD13:BI13"/>
    <mergeCell ref="BH15:BH17"/>
    <mergeCell ref="BG15:BG17"/>
    <mergeCell ref="BE15:BE17"/>
    <mergeCell ref="BD15:BD17"/>
    <mergeCell ref="AB15:AC17"/>
    <mergeCell ref="Y15:AA17"/>
    <mergeCell ref="A3:B5"/>
    <mergeCell ref="C3:G5"/>
    <mergeCell ref="C8:C9"/>
    <mergeCell ref="A8:B9"/>
    <mergeCell ref="BQ3:CC4"/>
    <mergeCell ref="BQ5:CC8"/>
    <mergeCell ref="Y13:AO14"/>
    <mergeCell ref="BS15:BY17"/>
    <mergeCell ref="BN6:BO8"/>
    <mergeCell ref="P3:R6"/>
    <mergeCell ref="D7:G10"/>
    <mergeCell ref="BF10:CC11"/>
    <mergeCell ref="A14:C17"/>
    <mergeCell ref="BR86:BY87"/>
    <mergeCell ref="A19:A21"/>
    <mergeCell ref="L19:M21"/>
    <mergeCell ref="J19:K21"/>
    <mergeCell ref="H19:I21"/>
    <mergeCell ref="F19:G21"/>
    <mergeCell ref="C19:C21"/>
    <mergeCell ref="B19:B21"/>
    <mergeCell ref="Y19:AA21"/>
    <mergeCell ref="X19:X21"/>
    <mergeCell ref="D19:E21"/>
    <mergeCell ref="R19:S21"/>
    <mergeCell ref="P19:Q21"/>
    <mergeCell ref="N19:O21"/>
    <mergeCell ref="T19:V21"/>
    <mergeCell ref="AC19:AC21"/>
    <mergeCell ref="AB19:AB21"/>
    <mergeCell ref="W19:W21"/>
    <mergeCell ref="AV19:AV21"/>
    <mergeCell ref="AQ19:AQ21"/>
    <mergeCell ref="AP19:AP21"/>
    <mergeCell ref="AL19:AO21"/>
    <mergeCell ref="BI15:BI17"/>
    <mergeCell ref="E45:O46"/>
    <mergeCell ref="R45:R47"/>
    <mergeCell ref="S45:T47"/>
    <mergeCell ref="U45:V47"/>
    <mergeCell ref="W45:X47"/>
    <mergeCell ref="R25:R27"/>
    <mergeCell ref="U25:V27"/>
    <mergeCell ref="Y23:AE24"/>
    <mergeCell ref="G29:G31"/>
    <mergeCell ref="T35:V37"/>
    <mergeCell ref="W35:X37"/>
    <mergeCell ref="Y39:AA41"/>
    <mergeCell ref="R43:X44"/>
    <mergeCell ref="AD35:AK37"/>
    <mergeCell ref="AD39:AK41"/>
    <mergeCell ref="AA29:AA31"/>
    <mergeCell ref="Z29:Z31"/>
    <mergeCell ref="Y29:Y31"/>
    <mergeCell ref="Y35:AA37"/>
    <mergeCell ref="AF24:AL25"/>
    <mergeCell ref="N29:N31"/>
    <mergeCell ref="D39:E41"/>
    <mergeCell ref="BZ83:BZ87"/>
    <mergeCell ref="AM84:AR85"/>
    <mergeCell ref="BR84:BY85"/>
    <mergeCell ref="AS85:AX86"/>
    <mergeCell ref="AY85:BD86"/>
    <mergeCell ref="BE85:BJ86"/>
    <mergeCell ref="BK85:BQ86"/>
    <mergeCell ref="BC19:BC21"/>
    <mergeCell ref="BB19:BB21"/>
    <mergeCell ref="BE75:BE77"/>
    <mergeCell ref="AP79:AP81"/>
    <mergeCell ref="AZ79:AZ81"/>
    <mergeCell ref="BA79:BA81"/>
    <mergeCell ref="BB79:BB81"/>
    <mergeCell ref="AR79:AR81"/>
    <mergeCell ref="AS79:AS81"/>
    <mergeCell ref="BJ79:BP81"/>
    <mergeCell ref="AM86:AR87"/>
    <mergeCell ref="AL78:AO78"/>
    <mergeCell ref="BD78:BE78"/>
    <mergeCell ref="BF78:BG78"/>
    <mergeCell ref="BD75:BD77"/>
    <mergeCell ref="AP73:BC74"/>
    <mergeCell ref="BD73:BI73"/>
    <mergeCell ref="AF84:AL85"/>
    <mergeCell ref="E85:O86"/>
    <mergeCell ref="R85:R87"/>
    <mergeCell ref="S85:T87"/>
    <mergeCell ref="U85:V87"/>
    <mergeCell ref="W85:X87"/>
    <mergeCell ref="Y85:Y87"/>
    <mergeCell ref="Q83:Q87"/>
    <mergeCell ref="R83:X84"/>
    <mergeCell ref="Y83:AE84"/>
    <mergeCell ref="Z85:AA87"/>
    <mergeCell ref="AB85:AC87"/>
    <mergeCell ref="AD85:AE87"/>
    <mergeCell ref="E87:N88"/>
    <mergeCell ref="BQ73:BQ77"/>
    <mergeCell ref="AD75:AK77"/>
    <mergeCell ref="BR73:BY74"/>
    <mergeCell ref="BD74:BI74"/>
    <mergeCell ref="BJ74:BP75"/>
    <mergeCell ref="W65:X67"/>
    <mergeCell ref="Y65:Y67"/>
    <mergeCell ref="Y73:AO74"/>
    <mergeCell ref="J69:J71"/>
    <mergeCell ref="K69:K71"/>
    <mergeCell ref="L69:L71"/>
    <mergeCell ref="M69:M71"/>
    <mergeCell ref="N69:N71"/>
    <mergeCell ref="O69:O71"/>
    <mergeCell ref="Z65:AA67"/>
    <mergeCell ref="E67:N68"/>
    <mergeCell ref="Q63:Q67"/>
    <mergeCell ref="AB65:AC67"/>
    <mergeCell ref="AD65:AE67"/>
    <mergeCell ref="W69:W71"/>
    <mergeCell ref="P69:P71"/>
    <mergeCell ref="Q69:Q71"/>
    <mergeCell ref="R69:R71"/>
    <mergeCell ref="S69:S71"/>
    <mergeCell ref="AD55:AK57"/>
    <mergeCell ref="BJ56:BP57"/>
    <mergeCell ref="F55:Q56"/>
    <mergeCell ref="Y53:AO54"/>
    <mergeCell ref="BR53:BY54"/>
    <mergeCell ref="AB55:AC57"/>
    <mergeCell ref="T55:V57"/>
    <mergeCell ref="W55:X57"/>
    <mergeCell ref="Y55:AA57"/>
    <mergeCell ref="BQ53:BQ57"/>
    <mergeCell ref="AP53:BC54"/>
    <mergeCell ref="BD53:BI53"/>
    <mergeCell ref="BD54:BI54"/>
    <mergeCell ref="BD55:BD57"/>
    <mergeCell ref="BE55:BE57"/>
    <mergeCell ref="BH55:BH57"/>
    <mergeCell ref="BI55:BI57"/>
    <mergeCell ref="BR55:BR57"/>
    <mergeCell ref="BS55:BY57"/>
    <mergeCell ref="BJ54:BP55"/>
    <mergeCell ref="AL55:AO57"/>
    <mergeCell ref="BF55:BF57"/>
    <mergeCell ref="AL58:AO58"/>
    <mergeCell ref="BZ58:CA58"/>
    <mergeCell ref="F59:G61"/>
    <mergeCell ref="H59:I61"/>
    <mergeCell ref="J59:K61"/>
    <mergeCell ref="L59:M61"/>
    <mergeCell ref="N59:O61"/>
    <mergeCell ref="P59:Q61"/>
    <mergeCell ref="BF59:BG61"/>
    <mergeCell ref="AP59:AP61"/>
    <mergeCell ref="AZ59:AZ61"/>
    <mergeCell ref="BS59:BY61"/>
    <mergeCell ref="BD59:BE61"/>
    <mergeCell ref="BA59:BA61"/>
    <mergeCell ref="BB59:BB61"/>
    <mergeCell ref="BC59:BC61"/>
    <mergeCell ref="AV59:AV61"/>
    <mergeCell ref="AW59:AW61"/>
    <mergeCell ref="AY59:AY61"/>
    <mergeCell ref="AL59:AO61"/>
    <mergeCell ref="AD59:AK61"/>
    <mergeCell ref="Y59:AA61"/>
    <mergeCell ref="J3:K10"/>
    <mergeCell ref="L3:O6"/>
    <mergeCell ref="L7:O10"/>
    <mergeCell ref="BF15:BF17"/>
    <mergeCell ref="T15:V17"/>
    <mergeCell ref="F15:Q16"/>
    <mergeCell ref="T13:X14"/>
    <mergeCell ref="W15:X17"/>
    <mergeCell ref="AL15:AO17"/>
    <mergeCell ref="P7:R10"/>
    <mergeCell ref="AD15:AK17"/>
    <mergeCell ref="AB35:AC37"/>
    <mergeCell ref="AD25:AE27"/>
    <mergeCell ref="AB25:AC27"/>
    <mergeCell ref="U29:U31"/>
    <mergeCell ref="T29:T31"/>
    <mergeCell ref="AC29:AC31"/>
    <mergeCell ref="Y33:AO34"/>
    <mergeCell ref="Z3:BC4"/>
    <mergeCell ref="AJ6:AS8"/>
    <mergeCell ref="AU19:AU21"/>
    <mergeCell ref="AD19:AK21"/>
    <mergeCell ref="M29:M31"/>
    <mergeCell ref="AB29:AB31"/>
    <mergeCell ref="Y25:Y27"/>
    <mergeCell ref="CA13:CA17"/>
    <mergeCell ref="BJ16:BP17"/>
    <mergeCell ref="BF18:BG18"/>
    <mergeCell ref="BZ23:BZ27"/>
    <mergeCell ref="BR26:BY27"/>
    <mergeCell ref="BR24:BY25"/>
    <mergeCell ref="BK25:BQ26"/>
    <mergeCell ref="AY29:AY31"/>
    <mergeCell ref="AV29:AV31"/>
    <mergeCell ref="AU30:AU31"/>
    <mergeCell ref="AT29:AT31"/>
    <mergeCell ref="AS29:AS31"/>
    <mergeCell ref="BD30:BD31"/>
    <mergeCell ref="AX30:AX31"/>
    <mergeCell ref="BZ29:BZ31"/>
    <mergeCell ref="BY30:BY31"/>
    <mergeCell ref="BX29:BX31"/>
    <mergeCell ref="AE29:AE31"/>
    <mergeCell ref="AD29:AD31"/>
    <mergeCell ref="E25:O26"/>
    <mergeCell ref="BZ13:BZ17"/>
    <mergeCell ref="A34:C37"/>
    <mergeCell ref="R23:X24"/>
    <mergeCell ref="W25:X27"/>
    <mergeCell ref="S25:T27"/>
    <mergeCell ref="W29:W31"/>
    <mergeCell ref="V29:V31"/>
    <mergeCell ref="S29:S31"/>
    <mergeCell ref="R29:R31"/>
    <mergeCell ref="Q29:Q31"/>
    <mergeCell ref="L29:L31"/>
    <mergeCell ref="K29:K31"/>
    <mergeCell ref="J29:J31"/>
    <mergeCell ref="I29:I31"/>
    <mergeCell ref="H29:H31"/>
    <mergeCell ref="E29:E31"/>
    <mergeCell ref="T33:X34"/>
    <mergeCell ref="X29:X31"/>
    <mergeCell ref="P29:P31"/>
    <mergeCell ref="O29:O31"/>
    <mergeCell ref="D29:D31"/>
    <mergeCell ref="E27:N28"/>
    <mergeCell ref="F35:Q36"/>
    <mergeCell ref="Q23:Q27"/>
    <mergeCell ref="F29:F31"/>
    <mergeCell ref="BW29:BW31"/>
    <mergeCell ref="BV30:BV31"/>
    <mergeCell ref="BR29:BR31"/>
    <mergeCell ref="BQ30:BQ31"/>
    <mergeCell ref="BP29:BP31"/>
    <mergeCell ref="BO29:BO31"/>
    <mergeCell ref="BC29:BC31"/>
    <mergeCell ref="BB29:BB31"/>
    <mergeCell ref="BA30:BA31"/>
    <mergeCell ref="BE29:BE31"/>
    <mergeCell ref="CA53:CA57"/>
    <mergeCell ref="BZ38:CA38"/>
    <mergeCell ref="CA33:CA37"/>
    <mergeCell ref="AL38:AO38"/>
    <mergeCell ref="BC39:BC41"/>
    <mergeCell ref="BF39:BG41"/>
    <mergeCell ref="BJ36:BP37"/>
    <mergeCell ref="AF26:AL27"/>
    <mergeCell ref="AJ29:AJ31"/>
    <mergeCell ref="AI30:AI31"/>
    <mergeCell ref="AH29:AH31"/>
    <mergeCell ref="AG29:AG31"/>
    <mergeCell ref="AL30:AL31"/>
    <mergeCell ref="AK29:AK31"/>
    <mergeCell ref="AF29:AF31"/>
    <mergeCell ref="BH29:BH31"/>
    <mergeCell ref="BG30:BG31"/>
    <mergeCell ref="AP35:AP37"/>
    <mergeCell ref="AQ35:BC37"/>
    <mergeCell ref="BF35:BF37"/>
    <mergeCell ref="BG35:BG37"/>
    <mergeCell ref="BI35:BI37"/>
    <mergeCell ref="BR35:BR37"/>
    <mergeCell ref="BD38:BE38"/>
    <mergeCell ref="BE35:BE37"/>
    <mergeCell ref="BH35:BH37"/>
    <mergeCell ref="AS49:AS51"/>
    <mergeCell ref="BF38:BG38"/>
    <mergeCell ref="AZ39:AZ41"/>
    <mergeCell ref="BA39:BA41"/>
    <mergeCell ref="BB39:BB41"/>
    <mergeCell ref="AG49:AG51"/>
    <mergeCell ref="AH49:AH51"/>
    <mergeCell ref="AJ49:AJ51"/>
    <mergeCell ref="AK49:AK51"/>
    <mergeCell ref="AL35:AO37"/>
    <mergeCell ref="AY49:AY51"/>
    <mergeCell ref="BB49:BB51"/>
    <mergeCell ref="AM49:AM51"/>
    <mergeCell ref="AN49:AN51"/>
    <mergeCell ref="AP49:AP51"/>
    <mergeCell ref="AQ49:AQ51"/>
    <mergeCell ref="AL50:AL51"/>
    <mergeCell ref="Y45:Y47"/>
    <mergeCell ref="Z45:AA47"/>
    <mergeCell ref="AB45:AC47"/>
    <mergeCell ref="AD45:AE47"/>
    <mergeCell ref="Y49:Y51"/>
    <mergeCell ref="Z49:Z51"/>
    <mergeCell ref="AF46:AL47"/>
    <mergeCell ref="AL39:AO41"/>
    <mergeCell ref="AB39:AB41"/>
    <mergeCell ref="AC39:AC41"/>
    <mergeCell ref="AC49:AC51"/>
    <mergeCell ref="AD49:AD51"/>
    <mergeCell ref="AE49:AE51"/>
    <mergeCell ref="AF49:AF51"/>
    <mergeCell ref="AI50:AI51"/>
    <mergeCell ref="AB49:AB51"/>
    <mergeCell ref="AA49:AA51"/>
    <mergeCell ref="Y43:AE44"/>
    <mergeCell ref="AP33:BC34"/>
    <mergeCell ref="BD18:BE18"/>
    <mergeCell ref="AR30:AR31"/>
    <mergeCell ref="BE25:BJ26"/>
    <mergeCell ref="BZ53:BZ57"/>
    <mergeCell ref="AF44:AL45"/>
    <mergeCell ref="AP55:AP57"/>
    <mergeCell ref="AQ55:BC57"/>
    <mergeCell ref="BZ19:CA21"/>
    <mergeCell ref="AS19:AS21"/>
    <mergeCell ref="AW19:AW21"/>
    <mergeCell ref="AR19:AR21"/>
    <mergeCell ref="BU29:BU31"/>
    <mergeCell ref="BT29:BT31"/>
    <mergeCell ref="BS29:BS31"/>
    <mergeCell ref="BJ30:BJ31"/>
    <mergeCell ref="BI29:BI31"/>
    <mergeCell ref="BN30:BN31"/>
    <mergeCell ref="BM29:BM31"/>
    <mergeCell ref="BL29:BL31"/>
    <mergeCell ref="BK29:BK31"/>
    <mergeCell ref="BZ33:BZ37"/>
    <mergeCell ref="BD35:BD37"/>
    <mergeCell ref="BF29:BF31"/>
    <mergeCell ref="AW29:AW31"/>
    <mergeCell ref="AS25:AX26"/>
    <mergeCell ref="AY25:BD26"/>
    <mergeCell ref="AM26:AR27"/>
    <mergeCell ref="AM24:AR25"/>
    <mergeCell ref="AM29:AM31"/>
    <mergeCell ref="AN29:AN31"/>
    <mergeCell ref="AP29:AP31"/>
    <mergeCell ref="AQ29:AQ31"/>
    <mergeCell ref="AO30:AO31"/>
    <mergeCell ref="AZ29:AZ31"/>
    <mergeCell ref="Q49:Q51"/>
    <mergeCell ref="BG55:BG57"/>
    <mergeCell ref="BQ39:BQ41"/>
    <mergeCell ref="BS39:BY41"/>
    <mergeCell ref="Z10:BD11"/>
    <mergeCell ref="BD58:BE58"/>
    <mergeCell ref="BF58:BG58"/>
    <mergeCell ref="AV39:AV41"/>
    <mergeCell ref="AW39:AW41"/>
    <mergeCell ref="AP39:AP41"/>
    <mergeCell ref="BH39:BI41"/>
    <mergeCell ref="BJ39:BP41"/>
    <mergeCell ref="BD50:BD51"/>
    <mergeCell ref="BG50:BG51"/>
    <mergeCell ref="BW49:BW51"/>
    <mergeCell ref="AL18:AO18"/>
    <mergeCell ref="BD33:BI33"/>
    <mergeCell ref="BQ33:BQ37"/>
    <mergeCell ref="BR33:BY34"/>
    <mergeCell ref="BD34:BI34"/>
    <mergeCell ref="BJ34:BP35"/>
    <mergeCell ref="BS35:BY37"/>
    <mergeCell ref="Z25:AA27"/>
    <mergeCell ref="BS49:BS51"/>
    <mergeCell ref="AV49:AV51"/>
    <mergeCell ref="BT49:BT51"/>
    <mergeCell ref="BI49:BI51"/>
    <mergeCell ref="BM49:BM51"/>
    <mergeCell ref="BE49:BE51"/>
    <mergeCell ref="BF49:BF51"/>
    <mergeCell ref="BZ43:BZ47"/>
    <mergeCell ref="AM44:AR45"/>
    <mergeCell ref="BR44:BY45"/>
    <mergeCell ref="AS45:AX46"/>
    <mergeCell ref="AY45:BD46"/>
    <mergeCell ref="BE45:BJ46"/>
    <mergeCell ref="BK45:BQ46"/>
    <mergeCell ref="AM46:AR47"/>
    <mergeCell ref="BR46:BY47"/>
    <mergeCell ref="BH49:BH51"/>
    <mergeCell ref="AW49:AW51"/>
    <mergeCell ref="AZ49:AZ51"/>
    <mergeCell ref="BK49:BK51"/>
    <mergeCell ref="AZ69:AZ71"/>
    <mergeCell ref="BK69:BK71"/>
    <mergeCell ref="BR69:BR71"/>
    <mergeCell ref="BU69:BU71"/>
    <mergeCell ref="BZ69:BZ71"/>
    <mergeCell ref="AO70:AO71"/>
    <mergeCell ref="BZ49:BZ51"/>
    <mergeCell ref="AO50:AO51"/>
    <mergeCell ref="AR50:AR51"/>
    <mergeCell ref="AU50:AU51"/>
    <mergeCell ref="AX50:AX51"/>
    <mergeCell ref="BA50:BA51"/>
    <mergeCell ref="BJ50:BJ51"/>
    <mergeCell ref="BQ50:BQ51"/>
    <mergeCell ref="BV50:BV51"/>
    <mergeCell ref="BY50:BY51"/>
    <mergeCell ref="BO49:BO51"/>
    <mergeCell ref="BN50:BN51"/>
    <mergeCell ref="BR49:BR51"/>
    <mergeCell ref="BU49:BU51"/>
    <mergeCell ref="BX49:BX51"/>
    <mergeCell ref="BP49:BP51"/>
    <mergeCell ref="BC49:BC51"/>
    <mergeCell ref="AT49:AT51"/>
    <mergeCell ref="BZ63:BZ67"/>
    <mergeCell ref="AM64:AR65"/>
    <mergeCell ref="BR64:BY65"/>
    <mergeCell ref="AS65:AX66"/>
    <mergeCell ref="AY65:BD66"/>
    <mergeCell ref="BE65:BJ66"/>
    <mergeCell ref="BK65:BQ66"/>
    <mergeCell ref="AM66:AR67"/>
    <mergeCell ref="BR66:BY67"/>
    <mergeCell ref="AU70:AU71"/>
    <mergeCell ref="AX70:AX71"/>
    <mergeCell ref="BA70:BA71"/>
    <mergeCell ref="BJ70:BJ71"/>
    <mergeCell ref="BQ70:BQ71"/>
    <mergeCell ref="BV70:BV71"/>
    <mergeCell ref="BY70:BY71"/>
    <mergeCell ref="BG70:BG71"/>
    <mergeCell ref="BI69:BI71"/>
    <mergeCell ref="BL69:BL71"/>
    <mergeCell ref="BD70:BD71"/>
    <mergeCell ref="BW69:BW71"/>
    <mergeCell ref="BO69:BO71"/>
    <mergeCell ref="BP69:BP71"/>
    <mergeCell ref="BS69:BS71"/>
    <mergeCell ref="AV69:AV71"/>
    <mergeCell ref="BX69:BX71"/>
    <mergeCell ref="BC69:BC71"/>
    <mergeCell ref="BE69:BE71"/>
    <mergeCell ref="BF69:BF71"/>
    <mergeCell ref="BH69:BH71"/>
    <mergeCell ref="AY69:AY71"/>
    <mergeCell ref="BB69:BB71"/>
    <mergeCell ref="AW69:AW71"/>
    <mergeCell ref="A1:BV1"/>
    <mergeCell ref="AW89:AW91"/>
    <mergeCell ref="AZ89:AZ91"/>
    <mergeCell ref="BK89:BK91"/>
    <mergeCell ref="BR89:BR91"/>
    <mergeCell ref="BU89:BU91"/>
    <mergeCell ref="BZ89:BZ91"/>
    <mergeCell ref="AO90:AO91"/>
    <mergeCell ref="AR90:AR91"/>
    <mergeCell ref="AU90:AU91"/>
    <mergeCell ref="AX90:AX91"/>
    <mergeCell ref="BA90:BA91"/>
    <mergeCell ref="BJ90:BJ91"/>
    <mergeCell ref="BQ90:BQ91"/>
    <mergeCell ref="BV90:BV91"/>
    <mergeCell ref="BY90:BY91"/>
    <mergeCell ref="BI89:BI91"/>
    <mergeCell ref="BL89:BL91"/>
    <mergeCell ref="BM89:BM91"/>
    <mergeCell ref="BN90:BN91"/>
    <mergeCell ref="BO89:BO91"/>
    <mergeCell ref="BP89:BP91"/>
    <mergeCell ref="BS89:BS91"/>
    <mergeCell ref="BT89:BT91"/>
  </mergeCells>
  <phoneticPr fontId="23"/>
  <printOptions horizontalCentered="1"/>
  <pageMargins left="0.39370078740157483" right="0.39370078740157483" top="0.19685039370078741" bottom="0.19685039370078741" header="0.51181102362204722" footer="0.19685039370078741"/>
  <pageSetup paperSize="9" scale="83" orientation="landscape" r:id="rId1"/>
  <headerFooter alignWithMargins="0"/>
  <colBreaks count="1" manualBreakCount="1">
    <brk id="83" min="1" max="32"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fitToPage="1"/>
  </sheetPr>
  <dimension ref="A1:CF253"/>
  <sheetViews>
    <sheetView showGridLines="0" view="pageBreakPreview" zoomScale="115" zoomScaleNormal="85" zoomScaleSheetLayoutView="115" workbookViewId="0">
      <selection activeCell="J57" sqref="J57"/>
    </sheetView>
  </sheetViews>
  <sheetFormatPr defaultColWidth="9" defaultRowHeight="14.4" x14ac:dyDescent="0.2"/>
  <cols>
    <col min="1" max="81" width="2" style="3" customWidth="1"/>
    <col min="82" max="84" width="1.88671875" style="3" customWidth="1"/>
    <col min="85" max="99" width="2" style="3" customWidth="1"/>
    <col min="100" max="16384" width="9" style="3"/>
  </cols>
  <sheetData>
    <row r="1" spans="1:83" s="372" customFormat="1" ht="22.8" customHeight="1" x14ac:dyDescent="0.2">
      <c r="A1" s="747" t="s">
        <v>205</v>
      </c>
      <c r="B1" s="747"/>
      <c r="C1" s="747"/>
      <c r="D1" s="747"/>
      <c r="E1" s="747"/>
      <c r="F1" s="747"/>
      <c r="G1" s="747"/>
      <c r="H1" s="747"/>
      <c r="I1" s="747"/>
      <c r="J1" s="747"/>
      <c r="K1" s="747"/>
      <c r="L1" s="747"/>
      <c r="M1" s="747"/>
      <c r="N1" s="747"/>
      <c r="O1" s="747"/>
      <c r="P1" s="747"/>
      <c r="Q1" s="747"/>
      <c r="R1" s="747"/>
      <c r="S1" s="747"/>
      <c r="T1" s="747"/>
      <c r="U1" s="747"/>
      <c r="V1" s="747"/>
      <c r="W1" s="747"/>
      <c r="X1" s="747"/>
      <c r="Y1" s="747"/>
      <c r="Z1" s="747"/>
      <c r="AA1" s="747"/>
      <c r="AB1" s="747"/>
      <c r="AC1" s="747"/>
      <c r="AD1" s="747"/>
      <c r="AE1" s="747"/>
      <c r="AF1" s="747"/>
      <c r="AG1" s="747"/>
      <c r="AH1" s="747"/>
      <c r="AI1" s="747"/>
      <c r="AJ1" s="747"/>
      <c r="AK1" s="747"/>
      <c r="AL1" s="747"/>
      <c r="AM1" s="747"/>
      <c r="AN1" s="747"/>
      <c r="AO1" s="747"/>
      <c r="AP1" s="747"/>
      <c r="AQ1" s="747"/>
      <c r="AR1" s="747"/>
      <c r="AS1" s="747"/>
      <c r="AT1" s="747"/>
      <c r="AU1" s="747"/>
      <c r="AV1" s="747"/>
      <c r="AW1" s="747"/>
      <c r="AX1" s="747"/>
      <c r="AY1" s="747"/>
      <c r="AZ1" s="747"/>
      <c r="BA1" s="747"/>
      <c r="BB1" s="747"/>
      <c r="BC1" s="747"/>
      <c r="BD1" s="747"/>
      <c r="BE1" s="747"/>
      <c r="BF1" s="747"/>
      <c r="BG1" s="747"/>
      <c r="BH1" s="747"/>
      <c r="BI1" s="747"/>
      <c r="BJ1" s="747"/>
      <c r="BK1" s="747"/>
      <c r="BL1" s="747"/>
      <c r="BM1" s="747"/>
      <c r="BN1" s="747"/>
      <c r="BO1" s="747"/>
      <c r="BP1" s="747"/>
      <c r="BQ1" s="747"/>
      <c r="BR1" s="747"/>
      <c r="BS1" s="747"/>
      <c r="BT1" s="747"/>
      <c r="BU1" s="747"/>
      <c r="BV1" s="747"/>
    </row>
    <row r="2" spans="1:83" ht="27.75" customHeight="1" x14ac:dyDescent="0.2">
      <c r="A2" s="956" t="s">
        <v>105</v>
      </c>
      <c r="B2" s="956"/>
      <c r="C2" s="956"/>
      <c r="D2" s="956"/>
      <c r="E2" s="956"/>
      <c r="F2" s="956"/>
      <c r="G2" s="956"/>
      <c r="H2" s="956"/>
      <c r="I2" s="956"/>
      <c r="J2" s="956"/>
      <c r="K2" s="956"/>
      <c r="L2" s="956"/>
      <c r="M2" s="956"/>
      <c r="N2" s="956"/>
      <c r="O2" s="956"/>
      <c r="P2" s="956"/>
      <c r="Q2" s="956"/>
      <c r="R2" s="956"/>
      <c r="S2" s="956"/>
      <c r="T2" s="956"/>
      <c r="U2" s="956"/>
      <c r="V2" s="956"/>
      <c r="W2" s="956"/>
      <c r="X2" s="956"/>
      <c r="Y2" s="956"/>
      <c r="Z2" s="956"/>
      <c r="AA2" s="956"/>
      <c r="AB2" s="956"/>
      <c r="AC2" s="956"/>
      <c r="AD2" s="956"/>
      <c r="AE2" s="956"/>
      <c r="AF2" s="956"/>
      <c r="AG2" s="956"/>
      <c r="AH2" s="956"/>
      <c r="AI2" s="956"/>
      <c r="AJ2" s="956"/>
      <c r="AK2" s="956"/>
      <c r="AL2" s="956"/>
      <c r="AM2" s="956"/>
      <c r="AN2" s="956"/>
      <c r="AO2" s="956"/>
      <c r="AP2" s="956"/>
      <c r="AQ2" s="956"/>
      <c r="AR2" s="956"/>
      <c r="AS2" s="956"/>
      <c r="AT2" s="956"/>
      <c r="AU2" s="956"/>
      <c r="AV2" s="956"/>
      <c r="AW2" s="956"/>
      <c r="AX2" s="956"/>
      <c r="AY2" s="956"/>
      <c r="AZ2" s="956"/>
      <c r="BA2" s="956"/>
      <c r="BB2" s="956"/>
      <c r="BC2" s="956"/>
      <c r="BD2" s="956"/>
      <c r="BE2" s="956"/>
      <c r="BF2" s="956"/>
      <c r="BG2" s="956"/>
      <c r="BH2" s="956"/>
      <c r="BI2" s="956"/>
      <c r="BJ2" s="956"/>
      <c r="BK2" s="956"/>
      <c r="BL2" s="956"/>
      <c r="BM2" s="956"/>
      <c r="BN2" s="956"/>
      <c r="BO2" s="956"/>
      <c r="BP2" s="956"/>
      <c r="BQ2" s="956"/>
      <c r="BR2" s="956"/>
      <c r="BS2" s="956"/>
      <c r="BT2" s="956"/>
      <c r="BU2" s="956"/>
      <c r="BV2" s="956"/>
      <c r="BW2" s="956"/>
      <c r="BX2" s="956"/>
      <c r="BY2" s="956"/>
      <c r="BZ2" s="956"/>
      <c r="CA2" s="956"/>
      <c r="CB2" s="956"/>
      <c r="CC2" s="956"/>
      <c r="CD2" s="2"/>
      <c r="CE2" s="2"/>
    </row>
    <row r="3" spans="1:83" ht="6.75" customHeight="1" x14ac:dyDescent="0.2">
      <c r="A3" s="957" t="s">
        <v>53</v>
      </c>
      <c r="B3" s="958"/>
      <c r="C3" s="823" t="s">
        <v>54</v>
      </c>
      <c r="D3" s="818"/>
      <c r="E3" s="818"/>
      <c r="F3" s="818"/>
      <c r="G3" s="824"/>
      <c r="J3" s="904" t="s">
        <v>162</v>
      </c>
      <c r="K3" s="905"/>
      <c r="L3" s="910" t="s">
        <v>163</v>
      </c>
      <c r="M3" s="910"/>
      <c r="N3" s="910"/>
      <c r="O3" s="910"/>
      <c r="P3" s="805"/>
      <c r="Q3" s="792"/>
      <c r="R3" s="865"/>
      <c r="Z3" s="1054" t="s">
        <v>224</v>
      </c>
      <c r="AA3" s="1054"/>
      <c r="AB3" s="1054"/>
      <c r="AC3" s="1054"/>
      <c r="AD3" s="1054"/>
      <c r="AE3" s="1054"/>
      <c r="AF3" s="1054"/>
      <c r="AG3" s="1054"/>
      <c r="AH3" s="1054"/>
      <c r="AI3" s="1054"/>
      <c r="AJ3" s="1054"/>
      <c r="AK3" s="1054"/>
      <c r="AL3" s="1054"/>
      <c r="AM3" s="1054"/>
      <c r="AN3" s="1054"/>
      <c r="AO3" s="1054"/>
      <c r="AP3" s="1054"/>
      <c r="AQ3" s="1054"/>
      <c r="AR3" s="1054"/>
      <c r="AS3" s="1054"/>
      <c r="AT3" s="1054"/>
      <c r="AU3" s="1054"/>
      <c r="AV3" s="1054"/>
      <c r="AW3" s="1054"/>
      <c r="AX3" s="1054"/>
      <c r="AY3" s="1054"/>
      <c r="AZ3" s="1054"/>
      <c r="BA3" s="1054"/>
      <c r="BB3" s="1054"/>
      <c r="BC3" s="1054"/>
      <c r="BP3" s="5"/>
      <c r="BQ3" s="823" t="s">
        <v>55</v>
      </c>
      <c r="BR3" s="896"/>
      <c r="BS3" s="896"/>
      <c r="BT3" s="896"/>
      <c r="BU3" s="896"/>
      <c r="BV3" s="896"/>
      <c r="BW3" s="896"/>
      <c r="BX3" s="896"/>
      <c r="BY3" s="896"/>
      <c r="BZ3" s="896"/>
      <c r="CA3" s="896"/>
      <c r="CB3" s="896"/>
      <c r="CC3" s="897"/>
      <c r="CD3" s="6"/>
      <c r="CE3" s="5"/>
    </row>
    <row r="4" spans="1:83" ht="6.75" customHeight="1" x14ac:dyDescent="0.2">
      <c r="A4" s="959"/>
      <c r="B4" s="960"/>
      <c r="C4" s="771"/>
      <c r="D4" s="772"/>
      <c r="E4" s="772"/>
      <c r="F4" s="772"/>
      <c r="G4" s="773"/>
      <c r="J4" s="906"/>
      <c r="K4" s="907"/>
      <c r="L4" s="910"/>
      <c r="M4" s="910"/>
      <c r="N4" s="910"/>
      <c r="O4" s="910"/>
      <c r="P4" s="807"/>
      <c r="Q4" s="793"/>
      <c r="R4" s="866"/>
      <c r="Z4" s="1054"/>
      <c r="AA4" s="1054"/>
      <c r="AB4" s="1054"/>
      <c r="AC4" s="1054"/>
      <c r="AD4" s="1054"/>
      <c r="AE4" s="1054"/>
      <c r="AF4" s="1054"/>
      <c r="AG4" s="1054"/>
      <c r="AH4" s="1054"/>
      <c r="AI4" s="1054"/>
      <c r="AJ4" s="1054"/>
      <c r="AK4" s="1054"/>
      <c r="AL4" s="1054"/>
      <c r="AM4" s="1054"/>
      <c r="AN4" s="1054"/>
      <c r="AO4" s="1054"/>
      <c r="AP4" s="1054"/>
      <c r="AQ4" s="1054"/>
      <c r="AR4" s="1054"/>
      <c r="AS4" s="1054"/>
      <c r="AT4" s="1054"/>
      <c r="AU4" s="1054"/>
      <c r="AV4" s="1054"/>
      <c r="AW4" s="1054"/>
      <c r="AX4" s="1054"/>
      <c r="AY4" s="1054"/>
      <c r="AZ4" s="1054"/>
      <c r="BA4" s="1054"/>
      <c r="BB4" s="1054"/>
      <c r="BC4" s="1054"/>
      <c r="BF4" s="985"/>
      <c r="BG4" s="915"/>
      <c r="BH4" s="915"/>
      <c r="BI4" s="7"/>
      <c r="BJ4" s="7"/>
      <c r="BK4" s="915"/>
      <c r="BL4" s="915"/>
      <c r="BM4" s="915"/>
      <c r="BN4" s="7"/>
      <c r="BO4" s="8"/>
      <c r="BP4" s="5"/>
      <c r="BQ4" s="964"/>
      <c r="BR4" s="965"/>
      <c r="BS4" s="965"/>
      <c r="BT4" s="965"/>
      <c r="BU4" s="965"/>
      <c r="BV4" s="965"/>
      <c r="BW4" s="965"/>
      <c r="BX4" s="965"/>
      <c r="BY4" s="965"/>
      <c r="BZ4" s="965"/>
      <c r="CA4" s="965"/>
      <c r="CB4" s="965"/>
      <c r="CC4" s="966"/>
      <c r="CD4" s="6"/>
      <c r="CE4" s="5"/>
    </row>
    <row r="5" spans="1:83" ht="6" customHeight="1" x14ac:dyDescent="0.2">
      <c r="A5" s="959"/>
      <c r="B5" s="960"/>
      <c r="C5" s="771"/>
      <c r="D5" s="772"/>
      <c r="E5" s="772"/>
      <c r="F5" s="772"/>
      <c r="G5" s="773"/>
      <c r="J5" s="906"/>
      <c r="K5" s="907"/>
      <c r="L5" s="910"/>
      <c r="M5" s="910"/>
      <c r="N5" s="910"/>
      <c r="O5" s="910"/>
      <c r="P5" s="807"/>
      <c r="Q5" s="793"/>
      <c r="R5" s="866"/>
      <c r="Z5" s="4"/>
      <c r="AA5" s="4"/>
      <c r="AB5" s="4"/>
      <c r="AC5" s="4"/>
      <c r="AD5" s="4"/>
      <c r="AE5" s="4"/>
      <c r="AF5" s="4"/>
      <c r="AG5" s="4"/>
      <c r="AH5" s="4"/>
      <c r="AI5" s="4"/>
      <c r="AJ5" s="4"/>
      <c r="AK5" s="4"/>
      <c r="AL5" s="4"/>
      <c r="AM5" s="4"/>
      <c r="AN5" s="4"/>
      <c r="AO5" s="4"/>
      <c r="AP5" s="4"/>
      <c r="AQ5" s="4"/>
      <c r="AR5" s="4"/>
      <c r="AS5" s="4"/>
      <c r="AT5" s="4"/>
      <c r="AU5" s="4"/>
      <c r="AV5" s="4"/>
      <c r="AW5" s="4"/>
      <c r="BF5" s="986"/>
      <c r="BG5" s="916"/>
      <c r="BH5" s="916"/>
      <c r="BI5" s="9"/>
      <c r="BJ5" s="9"/>
      <c r="BK5" s="916"/>
      <c r="BL5" s="916"/>
      <c r="BM5" s="916"/>
      <c r="BN5" s="9"/>
      <c r="BO5" s="10"/>
      <c r="BP5" s="9"/>
      <c r="BQ5" s="967" t="str">
        <f>IF('その1（A4判）'!AE3="","",'その1（A4判）'!AE3)</f>
        <v/>
      </c>
      <c r="BR5" s="896"/>
      <c r="BS5" s="896"/>
      <c r="BT5" s="896"/>
      <c r="BU5" s="896"/>
      <c r="BV5" s="896"/>
      <c r="BW5" s="896"/>
      <c r="BX5" s="896"/>
      <c r="BY5" s="896"/>
      <c r="BZ5" s="896"/>
      <c r="CA5" s="896"/>
      <c r="CB5" s="896"/>
      <c r="CC5" s="897"/>
      <c r="CD5" s="11"/>
      <c r="CE5" s="11"/>
    </row>
    <row r="6" spans="1:83" ht="1.05" customHeight="1" x14ac:dyDescent="0.2">
      <c r="A6" s="12">
        <v>1</v>
      </c>
      <c r="B6" s="34">
        <v>2</v>
      </c>
      <c r="C6" s="33">
        <v>3</v>
      </c>
      <c r="D6" s="14"/>
      <c r="E6" s="14"/>
      <c r="F6" s="14"/>
      <c r="G6" s="13">
        <v>7</v>
      </c>
      <c r="J6" s="906"/>
      <c r="K6" s="907"/>
      <c r="L6" s="910"/>
      <c r="M6" s="910"/>
      <c r="N6" s="910"/>
      <c r="O6" s="910"/>
      <c r="P6" s="936"/>
      <c r="Q6" s="794"/>
      <c r="R6" s="937"/>
      <c r="AI6" s="15"/>
      <c r="AJ6" s="901" t="s">
        <v>56</v>
      </c>
      <c r="AK6" s="901"/>
      <c r="AL6" s="901"/>
      <c r="AM6" s="901"/>
      <c r="AN6" s="901"/>
      <c r="AO6" s="901"/>
      <c r="AP6" s="901"/>
      <c r="AQ6" s="901"/>
      <c r="AR6" s="901"/>
      <c r="AS6" s="901"/>
      <c r="AT6" s="8"/>
      <c r="BF6" s="986"/>
      <c r="BG6" s="916"/>
      <c r="BH6" s="916"/>
      <c r="BI6" s="970" t="s">
        <v>57</v>
      </c>
      <c r="BJ6" s="970"/>
      <c r="BK6" s="916"/>
      <c r="BL6" s="916"/>
      <c r="BM6" s="916"/>
      <c r="BN6" s="970" t="s">
        <v>58</v>
      </c>
      <c r="BO6" s="971"/>
      <c r="BP6" s="9"/>
      <c r="BQ6" s="964"/>
      <c r="BR6" s="968"/>
      <c r="BS6" s="968"/>
      <c r="BT6" s="968"/>
      <c r="BU6" s="968"/>
      <c r="BV6" s="968"/>
      <c r="BW6" s="968"/>
      <c r="BX6" s="968"/>
      <c r="BY6" s="968"/>
      <c r="BZ6" s="968"/>
      <c r="CA6" s="968"/>
      <c r="CB6" s="968"/>
      <c r="CC6" s="966"/>
      <c r="CD6" s="11"/>
      <c r="CE6" s="11"/>
    </row>
    <row r="7" spans="1:83" ht="8.25" customHeight="1" x14ac:dyDescent="0.2">
      <c r="A7" s="17"/>
      <c r="B7" s="76"/>
      <c r="C7" s="77"/>
      <c r="D7" s="974" t="str">
        <f>IF('その1（A4判）'!E5="","",'その1（A4判）'!E5)</f>
        <v/>
      </c>
      <c r="E7" s="792"/>
      <c r="F7" s="792"/>
      <c r="G7" s="865"/>
      <c r="J7" s="906"/>
      <c r="K7" s="907"/>
      <c r="L7" s="910" t="s">
        <v>164</v>
      </c>
      <c r="M7" s="910"/>
      <c r="N7" s="910"/>
      <c r="O7" s="910"/>
      <c r="P7" s="805"/>
      <c r="Q7" s="792"/>
      <c r="R7" s="865"/>
      <c r="AI7" s="17"/>
      <c r="AJ7" s="902"/>
      <c r="AK7" s="902"/>
      <c r="AL7" s="902"/>
      <c r="AM7" s="902"/>
      <c r="AN7" s="902"/>
      <c r="AO7" s="902"/>
      <c r="AP7" s="902"/>
      <c r="AQ7" s="902"/>
      <c r="AR7" s="902"/>
      <c r="AS7" s="902"/>
      <c r="AT7" s="10"/>
      <c r="BF7" s="986"/>
      <c r="BG7" s="916"/>
      <c r="BH7" s="916"/>
      <c r="BI7" s="970"/>
      <c r="BJ7" s="970"/>
      <c r="BK7" s="916"/>
      <c r="BL7" s="916"/>
      <c r="BM7" s="916"/>
      <c r="BN7" s="970"/>
      <c r="BO7" s="971"/>
      <c r="BP7" s="9"/>
      <c r="BQ7" s="964"/>
      <c r="BR7" s="968"/>
      <c r="BS7" s="968"/>
      <c r="BT7" s="968"/>
      <c r="BU7" s="968"/>
      <c r="BV7" s="968"/>
      <c r="BW7" s="968"/>
      <c r="BX7" s="968"/>
      <c r="BY7" s="968"/>
      <c r="BZ7" s="968"/>
      <c r="CA7" s="968"/>
      <c r="CB7" s="968"/>
      <c r="CC7" s="966"/>
      <c r="CD7" s="11"/>
      <c r="CE7" s="11"/>
    </row>
    <row r="8" spans="1:83" ht="8.25" customHeight="1" x14ac:dyDescent="0.2">
      <c r="A8" s="893" t="s">
        <v>59</v>
      </c>
      <c r="B8" s="894"/>
      <c r="C8" s="963" t="s">
        <v>60</v>
      </c>
      <c r="D8" s="975"/>
      <c r="E8" s="793"/>
      <c r="F8" s="793"/>
      <c r="G8" s="866"/>
      <c r="J8" s="906"/>
      <c r="K8" s="907"/>
      <c r="L8" s="910"/>
      <c r="M8" s="910"/>
      <c r="N8" s="910"/>
      <c r="O8" s="910"/>
      <c r="P8" s="807"/>
      <c r="Q8" s="793"/>
      <c r="R8" s="866"/>
      <c r="AI8" s="18"/>
      <c r="AJ8" s="903"/>
      <c r="AK8" s="903"/>
      <c r="AL8" s="903"/>
      <c r="AM8" s="903"/>
      <c r="AN8" s="903"/>
      <c r="AO8" s="903"/>
      <c r="AP8" s="903"/>
      <c r="AQ8" s="903"/>
      <c r="AR8" s="903"/>
      <c r="AS8" s="903"/>
      <c r="AT8" s="19"/>
      <c r="BF8" s="987"/>
      <c r="BG8" s="984"/>
      <c r="BH8" s="984"/>
      <c r="BI8" s="972"/>
      <c r="BJ8" s="972"/>
      <c r="BK8" s="984"/>
      <c r="BL8" s="984"/>
      <c r="BM8" s="984"/>
      <c r="BN8" s="972"/>
      <c r="BO8" s="973"/>
      <c r="BP8" s="9"/>
      <c r="BQ8" s="969"/>
      <c r="BR8" s="898"/>
      <c r="BS8" s="898"/>
      <c r="BT8" s="898"/>
      <c r="BU8" s="898"/>
      <c r="BV8" s="898"/>
      <c r="BW8" s="898"/>
      <c r="BX8" s="898"/>
      <c r="BY8" s="898"/>
      <c r="BZ8" s="898"/>
      <c r="CA8" s="898"/>
      <c r="CB8" s="898"/>
      <c r="CC8" s="899"/>
    </row>
    <row r="9" spans="1:83" ht="6" customHeight="1" thickBot="1" x14ac:dyDescent="0.25">
      <c r="A9" s="893"/>
      <c r="B9" s="894"/>
      <c r="C9" s="963"/>
      <c r="D9" s="975"/>
      <c r="E9" s="793"/>
      <c r="F9" s="793"/>
      <c r="G9" s="866"/>
      <c r="J9" s="906"/>
      <c r="K9" s="907"/>
      <c r="L9" s="910"/>
      <c r="M9" s="910"/>
      <c r="N9" s="910"/>
      <c r="O9" s="910"/>
      <c r="P9" s="807"/>
      <c r="Q9" s="793"/>
      <c r="R9" s="866"/>
      <c r="AF9" s="9"/>
      <c r="AG9" s="20"/>
      <c r="AH9" s="20"/>
      <c r="AI9" s="20"/>
      <c r="AJ9" s="20"/>
      <c r="AK9" s="20"/>
      <c r="AL9" s="20"/>
      <c r="AM9" s="20"/>
      <c r="AN9" s="20"/>
      <c r="AO9" s="20"/>
      <c r="AP9" s="20"/>
      <c r="AQ9" s="9"/>
      <c r="BR9" s="16"/>
      <c r="BS9" s="16"/>
      <c r="BT9" s="16"/>
      <c r="BU9" s="16"/>
      <c r="BV9" s="16"/>
      <c r="BW9" s="16"/>
      <c r="BX9" s="16"/>
      <c r="BY9" s="16"/>
      <c r="BZ9" s="16"/>
      <c r="CA9" s="16"/>
      <c r="CB9" s="16"/>
      <c r="CC9" s="16"/>
    </row>
    <row r="10" spans="1:83" ht="8.25" customHeight="1" x14ac:dyDescent="0.2">
      <c r="A10" s="18"/>
      <c r="B10" s="19"/>
      <c r="C10" s="18"/>
      <c r="D10" s="976"/>
      <c r="E10" s="794"/>
      <c r="F10" s="794"/>
      <c r="G10" s="937"/>
      <c r="J10" s="908"/>
      <c r="K10" s="909"/>
      <c r="L10" s="910"/>
      <c r="M10" s="910"/>
      <c r="N10" s="910"/>
      <c r="O10" s="910"/>
      <c r="P10" s="936"/>
      <c r="Q10" s="794"/>
      <c r="R10" s="937"/>
      <c r="Z10" s="795" t="s">
        <v>61</v>
      </c>
      <c r="AA10" s="795"/>
      <c r="AB10" s="795"/>
      <c r="AC10" s="795"/>
      <c r="AD10" s="795"/>
      <c r="AE10" s="795"/>
      <c r="AF10" s="795"/>
      <c r="AG10" s="795"/>
      <c r="AH10" s="795"/>
      <c r="AI10" s="795"/>
      <c r="AJ10" s="795"/>
      <c r="AK10" s="795"/>
      <c r="AL10" s="795"/>
      <c r="AM10" s="795"/>
      <c r="AN10" s="795"/>
      <c r="AO10" s="795"/>
      <c r="AP10" s="795"/>
      <c r="AQ10" s="795"/>
      <c r="AR10" s="795"/>
      <c r="AS10" s="795"/>
      <c r="AT10" s="795"/>
      <c r="AU10" s="795"/>
      <c r="AV10" s="795"/>
      <c r="AW10" s="795"/>
      <c r="AX10" s="795"/>
      <c r="AY10" s="795"/>
      <c r="AZ10" s="795"/>
      <c r="BA10" s="795"/>
      <c r="BB10" s="795"/>
      <c r="BC10" s="795"/>
      <c r="BD10" s="795"/>
      <c r="BE10" s="304"/>
      <c r="BF10" s="977" t="s">
        <v>190</v>
      </c>
      <c r="BG10" s="978"/>
      <c r="BH10" s="978"/>
      <c r="BI10" s="978"/>
      <c r="BJ10" s="978"/>
      <c r="BK10" s="978"/>
      <c r="BL10" s="978"/>
      <c r="BM10" s="978"/>
      <c r="BN10" s="978"/>
      <c r="BO10" s="978"/>
      <c r="BP10" s="978"/>
      <c r="BQ10" s="978"/>
      <c r="BR10" s="978"/>
      <c r="BS10" s="978"/>
      <c r="BT10" s="978"/>
      <c r="BU10" s="978"/>
      <c r="BV10" s="978"/>
      <c r="BW10" s="978"/>
      <c r="BX10" s="978"/>
      <c r="BY10" s="978"/>
      <c r="BZ10" s="978"/>
      <c r="CA10" s="978"/>
      <c r="CB10" s="978"/>
      <c r="CC10" s="979"/>
    </row>
    <row r="11" spans="1:83" ht="9" customHeight="1" thickBot="1" x14ac:dyDescent="0.25">
      <c r="Z11" s="795"/>
      <c r="AA11" s="795"/>
      <c r="AB11" s="795"/>
      <c r="AC11" s="795"/>
      <c r="AD11" s="795"/>
      <c r="AE11" s="795"/>
      <c r="AF11" s="795"/>
      <c r="AG11" s="795"/>
      <c r="AH11" s="795"/>
      <c r="AI11" s="795"/>
      <c r="AJ11" s="795"/>
      <c r="AK11" s="795"/>
      <c r="AL11" s="795"/>
      <c r="AM11" s="795"/>
      <c r="AN11" s="795"/>
      <c r="AO11" s="795"/>
      <c r="AP11" s="795"/>
      <c r="AQ11" s="795"/>
      <c r="AR11" s="795"/>
      <c r="AS11" s="795"/>
      <c r="AT11" s="795"/>
      <c r="AU11" s="795"/>
      <c r="AV11" s="795"/>
      <c r="AW11" s="795"/>
      <c r="AX11" s="795"/>
      <c r="AY11" s="795"/>
      <c r="AZ11" s="795"/>
      <c r="BA11" s="795"/>
      <c r="BB11" s="795"/>
      <c r="BC11" s="795"/>
      <c r="BD11" s="795"/>
      <c r="BE11" s="304"/>
      <c r="BF11" s="980"/>
      <c r="BG11" s="981"/>
      <c r="BH11" s="981"/>
      <c r="BI11" s="981"/>
      <c r="BJ11" s="981"/>
      <c r="BK11" s="981"/>
      <c r="BL11" s="981"/>
      <c r="BM11" s="981"/>
      <c r="BN11" s="981"/>
      <c r="BO11" s="981"/>
      <c r="BP11" s="981"/>
      <c r="BQ11" s="981"/>
      <c r="BR11" s="981"/>
      <c r="BS11" s="981"/>
      <c r="BT11" s="981"/>
      <c r="BU11" s="981"/>
      <c r="BV11" s="981"/>
      <c r="BW11" s="981"/>
      <c r="BX11" s="981"/>
      <c r="BY11" s="981"/>
      <c r="BZ11" s="981"/>
      <c r="CA11" s="981"/>
      <c r="CB11" s="981"/>
      <c r="CC11" s="982"/>
    </row>
    <row r="12" spans="1:83" ht="9" customHeight="1" thickBot="1" x14ac:dyDescent="0.25"/>
    <row r="13" spans="1:83" ht="8.25" customHeight="1" x14ac:dyDescent="0.2">
      <c r="A13" s="15"/>
      <c r="B13" s="7"/>
      <c r="C13" s="8"/>
      <c r="D13" s="291"/>
      <c r="E13" s="292"/>
      <c r="F13" s="292"/>
      <c r="G13" s="292"/>
      <c r="H13" s="292"/>
      <c r="I13" s="292"/>
      <c r="J13" s="292"/>
      <c r="K13" s="292"/>
      <c r="L13" s="292"/>
      <c r="M13" s="292"/>
      <c r="N13" s="292"/>
      <c r="O13" s="292"/>
      <c r="P13" s="292"/>
      <c r="Q13" s="292"/>
      <c r="R13" s="292"/>
      <c r="S13" s="302"/>
      <c r="T13" s="878" t="s">
        <v>62</v>
      </c>
      <c r="U13" s="873"/>
      <c r="V13" s="873"/>
      <c r="W13" s="873"/>
      <c r="X13" s="879"/>
      <c r="Y13" s="895" t="s">
        <v>63</v>
      </c>
      <c r="Z13" s="896"/>
      <c r="AA13" s="896"/>
      <c r="AB13" s="896"/>
      <c r="AC13" s="896"/>
      <c r="AD13" s="896"/>
      <c r="AE13" s="896"/>
      <c r="AF13" s="896"/>
      <c r="AG13" s="896"/>
      <c r="AH13" s="896"/>
      <c r="AI13" s="896"/>
      <c r="AJ13" s="896"/>
      <c r="AK13" s="896"/>
      <c r="AL13" s="896"/>
      <c r="AM13" s="896"/>
      <c r="AN13" s="896"/>
      <c r="AO13" s="897"/>
      <c r="AP13" s="823" t="s">
        <v>64</v>
      </c>
      <c r="AQ13" s="818"/>
      <c r="AR13" s="818"/>
      <c r="AS13" s="818"/>
      <c r="AT13" s="818"/>
      <c r="AU13" s="818"/>
      <c r="AV13" s="818"/>
      <c r="AW13" s="818"/>
      <c r="AX13" s="818"/>
      <c r="AY13" s="818"/>
      <c r="AZ13" s="818"/>
      <c r="BA13" s="818"/>
      <c r="BB13" s="818"/>
      <c r="BC13" s="818"/>
      <c r="BD13" s="813" t="s">
        <v>65</v>
      </c>
      <c r="BE13" s="814"/>
      <c r="BF13" s="814"/>
      <c r="BG13" s="814"/>
      <c r="BH13" s="814"/>
      <c r="BI13" s="815"/>
      <c r="BJ13" s="7"/>
      <c r="BK13" s="7"/>
      <c r="BL13" s="7"/>
      <c r="BM13" s="7"/>
      <c r="BN13" s="7"/>
      <c r="BO13" s="7"/>
      <c r="BP13" s="7"/>
      <c r="BQ13" s="816" t="s">
        <v>66</v>
      </c>
      <c r="BR13" s="818" t="s">
        <v>67</v>
      </c>
      <c r="BS13" s="896"/>
      <c r="BT13" s="896"/>
      <c r="BU13" s="896"/>
      <c r="BV13" s="896"/>
      <c r="BW13" s="896"/>
      <c r="BX13" s="896"/>
      <c r="BY13" s="896"/>
      <c r="BZ13" s="825" t="s">
        <v>68</v>
      </c>
      <c r="CA13" s="859" t="s">
        <v>69</v>
      </c>
    </row>
    <row r="14" spans="1:83" ht="8.25" customHeight="1" thickBot="1" x14ac:dyDescent="0.25">
      <c r="A14" s="869" t="s">
        <v>70</v>
      </c>
      <c r="B14" s="870"/>
      <c r="C14" s="871"/>
      <c r="D14" s="293"/>
      <c r="E14" s="9"/>
      <c r="F14" s="9"/>
      <c r="G14" s="9"/>
      <c r="H14" s="9"/>
      <c r="I14" s="9"/>
      <c r="J14" s="9"/>
      <c r="K14" s="9"/>
      <c r="L14" s="9"/>
      <c r="M14" s="9"/>
      <c r="N14" s="9"/>
      <c r="O14" s="9"/>
      <c r="P14" s="9"/>
      <c r="Q14" s="9"/>
      <c r="R14" s="9"/>
      <c r="S14" s="303"/>
      <c r="T14" s="880"/>
      <c r="U14" s="819"/>
      <c r="V14" s="819"/>
      <c r="W14" s="819"/>
      <c r="X14" s="881"/>
      <c r="Y14" s="898"/>
      <c r="Z14" s="898"/>
      <c r="AA14" s="898"/>
      <c r="AB14" s="898"/>
      <c r="AC14" s="898"/>
      <c r="AD14" s="898"/>
      <c r="AE14" s="898"/>
      <c r="AF14" s="898"/>
      <c r="AG14" s="898"/>
      <c r="AH14" s="898"/>
      <c r="AI14" s="898"/>
      <c r="AJ14" s="898"/>
      <c r="AK14" s="898"/>
      <c r="AL14" s="898"/>
      <c r="AM14" s="898"/>
      <c r="AN14" s="898"/>
      <c r="AO14" s="899"/>
      <c r="AP14" s="771"/>
      <c r="AQ14" s="819"/>
      <c r="AR14" s="819"/>
      <c r="AS14" s="819"/>
      <c r="AT14" s="819"/>
      <c r="AU14" s="819"/>
      <c r="AV14" s="819"/>
      <c r="AW14" s="819"/>
      <c r="AX14" s="819"/>
      <c r="AY14" s="819"/>
      <c r="AZ14" s="819"/>
      <c r="BA14" s="819"/>
      <c r="BB14" s="819"/>
      <c r="BC14" s="819"/>
      <c r="BD14" s="820" t="s">
        <v>71</v>
      </c>
      <c r="BE14" s="821"/>
      <c r="BF14" s="821"/>
      <c r="BG14" s="821"/>
      <c r="BH14" s="821"/>
      <c r="BI14" s="822"/>
      <c r="BJ14" s="772" t="s">
        <v>72</v>
      </c>
      <c r="BK14" s="772"/>
      <c r="BL14" s="772"/>
      <c r="BM14" s="772"/>
      <c r="BN14" s="772"/>
      <c r="BO14" s="772"/>
      <c r="BP14" s="772"/>
      <c r="BQ14" s="817"/>
      <c r="BR14" s="968"/>
      <c r="BS14" s="898"/>
      <c r="BT14" s="898"/>
      <c r="BU14" s="898"/>
      <c r="BV14" s="898"/>
      <c r="BW14" s="898"/>
      <c r="BX14" s="898"/>
      <c r="BY14" s="898"/>
      <c r="BZ14" s="826"/>
      <c r="CA14" s="860"/>
    </row>
    <row r="15" spans="1:83" ht="8.25" customHeight="1" x14ac:dyDescent="0.2">
      <c r="A15" s="869"/>
      <c r="B15" s="870"/>
      <c r="C15" s="871"/>
      <c r="D15" s="293"/>
      <c r="E15" s="9"/>
      <c r="F15" s="772" t="s">
        <v>73</v>
      </c>
      <c r="G15" s="772"/>
      <c r="H15" s="772"/>
      <c r="I15" s="772"/>
      <c r="J15" s="772"/>
      <c r="K15" s="772"/>
      <c r="L15" s="772"/>
      <c r="M15" s="772"/>
      <c r="N15" s="772"/>
      <c r="O15" s="772"/>
      <c r="P15" s="772"/>
      <c r="Q15" s="772"/>
      <c r="R15" s="9"/>
      <c r="S15" s="303"/>
      <c r="T15" s="911" t="s">
        <v>74</v>
      </c>
      <c r="U15" s="818"/>
      <c r="V15" s="824"/>
      <c r="W15" s="891" t="s">
        <v>75</v>
      </c>
      <c r="X15" s="913"/>
      <c r="Y15" s="818" t="s">
        <v>76</v>
      </c>
      <c r="Z15" s="818"/>
      <c r="AA15" s="824"/>
      <c r="AB15" s="891" t="s">
        <v>75</v>
      </c>
      <c r="AC15" s="892"/>
      <c r="AD15" s="930" t="s">
        <v>77</v>
      </c>
      <c r="AE15" s="931"/>
      <c r="AF15" s="931"/>
      <c r="AG15" s="931"/>
      <c r="AH15" s="931"/>
      <c r="AI15" s="931"/>
      <c r="AJ15" s="931"/>
      <c r="AK15" s="932"/>
      <c r="AL15" s="890" t="s">
        <v>189</v>
      </c>
      <c r="AM15" s="839"/>
      <c r="AN15" s="839"/>
      <c r="AO15" s="839"/>
      <c r="AP15" s="816" t="s">
        <v>78</v>
      </c>
      <c r="AQ15" s="818" t="s">
        <v>79</v>
      </c>
      <c r="AR15" s="818"/>
      <c r="AS15" s="818"/>
      <c r="AT15" s="818"/>
      <c r="AU15" s="818"/>
      <c r="AV15" s="818"/>
      <c r="AW15" s="818"/>
      <c r="AX15" s="818"/>
      <c r="AY15" s="818"/>
      <c r="AZ15" s="818"/>
      <c r="BA15" s="818"/>
      <c r="BB15" s="818"/>
      <c r="BC15" s="818"/>
      <c r="BD15" s="830" t="s">
        <v>80</v>
      </c>
      <c r="BE15" s="787" t="s">
        <v>81</v>
      </c>
      <c r="BF15" s="857" t="s">
        <v>82</v>
      </c>
      <c r="BG15" s="787" t="s">
        <v>78</v>
      </c>
      <c r="BH15" s="857" t="s">
        <v>219</v>
      </c>
      <c r="BI15" s="868" t="s">
        <v>83</v>
      </c>
      <c r="BJ15" s="772"/>
      <c r="BK15" s="772"/>
      <c r="BL15" s="772"/>
      <c r="BM15" s="772"/>
      <c r="BN15" s="772"/>
      <c r="BO15" s="772"/>
      <c r="BP15" s="772"/>
      <c r="BQ15" s="817"/>
      <c r="BR15" s="816" t="s">
        <v>78</v>
      </c>
      <c r="BS15" s="818" t="s">
        <v>106</v>
      </c>
      <c r="BT15" s="896"/>
      <c r="BU15" s="896"/>
      <c r="BV15" s="896"/>
      <c r="BW15" s="896"/>
      <c r="BX15" s="896"/>
      <c r="BY15" s="896"/>
      <c r="BZ15" s="826"/>
      <c r="CA15" s="860"/>
    </row>
    <row r="16" spans="1:83" ht="8.25" customHeight="1" x14ac:dyDescent="0.2">
      <c r="A16" s="869"/>
      <c r="B16" s="870"/>
      <c r="C16" s="871"/>
      <c r="D16" s="293"/>
      <c r="E16" s="9"/>
      <c r="F16" s="772"/>
      <c r="G16" s="772"/>
      <c r="H16" s="772"/>
      <c r="I16" s="772"/>
      <c r="J16" s="772"/>
      <c r="K16" s="772"/>
      <c r="L16" s="772"/>
      <c r="M16" s="772"/>
      <c r="N16" s="772"/>
      <c r="O16" s="772"/>
      <c r="P16" s="772"/>
      <c r="Q16" s="772"/>
      <c r="R16" s="9"/>
      <c r="S16" s="303"/>
      <c r="T16" s="912"/>
      <c r="U16" s="772"/>
      <c r="V16" s="773"/>
      <c r="W16" s="893"/>
      <c r="X16" s="914"/>
      <c r="Y16" s="772"/>
      <c r="Z16" s="772"/>
      <c r="AA16" s="773"/>
      <c r="AB16" s="893"/>
      <c r="AC16" s="894"/>
      <c r="AD16" s="933"/>
      <c r="AE16" s="934"/>
      <c r="AF16" s="934"/>
      <c r="AG16" s="934"/>
      <c r="AH16" s="934"/>
      <c r="AI16" s="934"/>
      <c r="AJ16" s="934"/>
      <c r="AK16" s="935"/>
      <c r="AL16" s="840"/>
      <c r="AM16" s="841"/>
      <c r="AN16" s="841"/>
      <c r="AO16" s="842"/>
      <c r="AP16" s="817"/>
      <c r="AQ16" s="772"/>
      <c r="AR16" s="772"/>
      <c r="AS16" s="772"/>
      <c r="AT16" s="772"/>
      <c r="AU16" s="772"/>
      <c r="AV16" s="772"/>
      <c r="AW16" s="772"/>
      <c r="AX16" s="772"/>
      <c r="AY16" s="772"/>
      <c r="AZ16" s="772"/>
      <c r="BA16" s="772"/>
      <c r="BB16" s="772"/>
      <c r="BC16" s="772"/>
      <c r="BD16" s="826"/>
      <c r="BE16" s="788"/>
      <c r="BF16" s="858"/>
      <c r="BG16" s="788"/>
      <c r="BH16" s="858"/>
      <c r="BI16" s="860"/>
      <c r="BJ16" s="772" t="s">
        <v>85</v>
      </c>
      <c r="BK16" s="772"/>
      <c r="BL16" s="772"/>
      <c r="BM16" s="772"/>
      <c r="BN16" s="772"/>
      <c r="BO16" s="772"/>
      <c r="BP16" s="772"/>
      <c r="BQ16" s="817"/>
      <c r="BR16" s="983"/>
      <c r="BS16" s="968"/>
      <c r="BT16" s="965"/>
      <c r="BU16" s="965"/>
      <c r="BV16" s="965"/>
      <c r="BW16" s="965"/>
      <c r="BX16" s="965"/>
      <c r="BY16" s="968"/>
      <c r="BZ16" s="826"/>
      <c r="CA16" s="860"/>
    </row>
    <row r="17" spans="1:84" ht="8.25" customHeight="1" x14ac:dyDescent="0.2">
      <c r="A17" s="869"/>
      <c r="B17" s="870"/>
      <c r="C17" s="871"/>
      <c r="D17" s="293"/>
      <c r="E17" s="9"/>
      <c r="F17" s="9"/>
      <c r="G17" s="9"/>
      <c r="H17" s="9"/>
      <c r="I17" s="9"/>
      <c r="J17" s="9"/>
      <c r="K17" s="9"/>
      <c r="L17" s="9"/>
      <c r="M17" s="9"/>
      <c r="N17" s="9"/>
      <c r="O17" s="9"/>
      <c r="P17" s="9"/>
      <c r="Q17" s="9"/>
      <c r="R17" s="9"/>
      <c r="S17" s="303"/>
      <c r="T17" s="912"/>
      <c r="U17" s="772"/>
      <c r="V17" s="773"/>
      <c r="W17" s="893"/>
      <c r="X17" s="914"/>
      <c r="Y17" s="772"/>
      <c r="Z17" s="772"/>
      <c r="AA17" s="773"/>
      <c r="AB17" s="893"/>
      <c r="AC17" s="894"/>
      <c r="AD17" s="933"/>
      <c r="AE17" s="934"/>
      <c r="AF17" s="934"/>
      <c r="AG17" s="934"/>
      <c r="AH17" s="934"/>
      <c r="AI17" s="934"/>
      <c r="AJ17" s="934"/>
      <c r="AK17" s="935"/>
      <c r="AL17" s="840"/>
      <c r="AM17" s="841"/>
      <c r="AN17" s="841"/>
      <c r="AO17" s="842"/>
      <c r="AP17" s="817"/>
      <c r="AQ17" s="772"/>
      <c r="AR17" s="772"/>
      <c r="AS17" s="772"/>
      <c r="AT17" s="772"/>
      <c r="AU17" s="772"/>
      <c r="AV17" s="772"/>
      <c r="AW17" s="772"/>
      <c r="AX17" s="772"/>
      <c r="AY17" s="772"/>
      <c r="AZ17" s="772"/>
      <c r="BA17" s="772"/>
      <c r="BB17" s="772"/>
      <c r="BC17" s="772"/>
      <c r="BD17" s="826"/>
      <c r="BE17" s="788"/>
      <c r="BF17" s="858"/>
      <c r="BG17" s="788"/>
      <c r="BH17" s="858"/>
      <c r="BI17" s="860"/>
      <c r="BJ17" s="772"/>
      <c r="BK17" s="772"/>
      <c r="BL17" s="772"/>
      <c r="BM17" s="772"/>
      <c r="BN17" s="772"/>
      <c r="BO17" s="772"/>
      <c r="BP17" s="772"/>
      <c r="BQ17" s="817"/>
      <c r="BR17" s="983"/>
      <c r="BS17" s="968"/>
      <c r="BT17" s="965"/>
      <c r="BU17" s="965"/>
      <c r="BV17" s="965"/>
      <c r="BW17" s="965"/>
      <c r="BX17" s="965"/>
      <c r="BY17" s="968"/>
      <c r="BZ17" s="826"/>
      <c r="CA17" s="860"/>
    </row>
    <row r="18" spans="1:84" ht="8.25" hidden="1" customHeight="1" x14ac:dyDescent="0.2">
      <c r="A18" s="12">
        <v>8</v>
      </c>
      <c r="B18" s="14"/>
      <c r="C18" s="13">
        <v>10</v>
      </c>
      <c r="D18" s="294">
        <v>13</v>
      </c>
      <c r="E18" s="14"/>
      <c r="F18" s="14"/>
      <c r="G18" s="14"/>
      <c r="H18" s="14"/>
      <c r="I18" s="14"/>
      <c r="J18" s="14"/>
      <c r="K18" s="14"/>
      <c r="L18" s="14"/>
      <c r="M18" s="14"/>
      <c r="N18" s="14"/>
      <c r="O18" s="14"/>
      <c r="P18" s="14"/>
      <c r="Q18" s="14"/>
      <c r="R18" s="14"/>
      <c r="S18" s="295">
        <v>28</v>
      </c>
      <c r="T18" s="296"/>
      <c r="U18" s="288"/>
      <c r="V18" s="288"/>
      <c r="W18" s="12">
        <v>29</v>
      </c>
      <c r="X18" s="295">
        <v>30</v>
      </c>
      <c r="Y18" s="288"/>
      <c r="Z18" s="22"/>
      <c r="AA18" s="22"/>
      <c r="AB18" s="12">
        <v>31</v>
      </c>
      <c r="AC18" s="13">
        <v>32</v>
      </c>
      <c r="AD18" s="25"/>
      <c r="AE18" s="25"/>
      <c r="AF18" s="25"/>
      <c r="AG18" s="25"/>
      <c r="AH18" s="21"/>
      <c r="AI18" s="22"/>
      <c r="AJ18" s="22"/>
      <c r="AK18" s="23"/>
      <c r="AL18" s="811" t="s">
        <v>104</v>
      </c>
      <c r="AM18" s="812"/>
      <c r="AN18" s="812"/>
      <c r="AO18" s="812"/>
      <c r="AP18" s="297">
        <v>33</v>
      </c>
      <c r="AQ18" s="28">
        <v>34</v>
      </c>
      <c r="AR18" s="27"/>
      <c r="AS18" s="24">
        <v>36</v>
      </c>
      <c r="AT18" s="27"/>
      <c r="AU18" s="28">
        <v>37</v>
      </c>
      <c r="AV18" s="27"/>
      <c r="AW18" s="24">
        <v>39</v>
      </c>
      <c r="AX18" s="27"/>
      <c r="AY18" s="28">
        <v>40</v>
      </c>
      <c r="AZ18" s="27"/>
      <c r="BA18" s="27"/>
      <c r="BB18" s="27"/>
      <c r="BC18" s="24">
        <v>44</v>
      </c>
      <c r="BD18" s="796">
        <v>45</v>
      </c>
      <c r="BE18" s="797"/>
      <c r="BF18" s="798">
        <v>46</v>
      </c>
      <c r="BG18" s="797"/>
      <c r="BH18" s="12">
        <v>47</v>
      </c>
      <c r="BI18" s="295">
        <v>48</v>
      </c>
      <c r="BJ18" s="14"/>
      <c r="BK18" s="14"/>
      <c r="BL18" s="14"/>
      <c r="BM18" s="14"/>
      <c r="BN18" s="14"/>
      <c r="BO18" s="14"/>
      <c r="BP18" s="14"/>
      <c r="BQ18" s="297">
        <v>49</v>
      </c>
      <c r="BR18" s="297">
        <v>50</v>
      </c>
      <c r="BS18" s="287"/>
      <c r="BT18" s="40"/>
      <c r="BU18" s="40"/>
      <c r="BV18" s="40"/>
      <c r="BW18" s="40"/>
      <c r="BX18" s="40"/>
      <c r="BY18" s="287"/>
      <c r="BZ18" s="796">
        <v>51</v>
      </c>
      <c r="CA18" s="861"/>
    </row>
    <row r="19" spans="1:84" ht="8.25" customHeight="1" x14ac:dyDescent="0.2">
      <c r="A19" s="844"/>
      <c r="B19" s="938"/>
      <c r="C19" s="847"/>
      <c r="D19" s="944"/>
      <c r="E19" s="915"/>
      <c r="F19" s="915"/>
      <c r="G19" s="915"/>
      <c r="H19" s="915"/>
      <c r="I19" s="915"/>
      <c r="J19" s="915"/>
      <c r="K19" s="915"/>
      <c r="L19" s="915"/>
      <c r="M19" s="915"/>
      <c r="N19" s="915"/>
      <c r="O19" s="915"/>
      <c r="P19" s="915"/>
      <c r="Q19" s="915"/>
      <c r="R19" s="915"/>
      <c r="S19" s="988"/>
      <c r="T19" s="947"/>
      <c r="U19" s="924"/>
      <c r="V19" s="925"/>
      <c r="W19" s="844"/>
      <c r="X19" s="941"/>
      <c r="Y19" s="924"/>
      <c r="Z19" s="924"/>
      <c r="AA19" s="925"/>
      <c r="AB19" s="844"/>
      <c r="AC19" s="847"/>
      <c r="AD19" s="891"/>
      <c r="AE19" s="919"/>
      <c r="AF19" s="919"/>
      <c r="AG19" s="919"/>
      <c r="AH19" s="919"/>
      <c r="AI19" s="919"/>
      <c r="AJ19" s="919"/>
      <c r="AK19" s="892"/>
      <c r="AL19" s="838"/>
      <c r="AM19" s="839"/>
      <c r="AN19" s="839"/>
      <c r="AO19" s="839"/>
      <c r="AP19" s="789"/>
      <c r="AQ19" s="953"/>
      <c r="AR19" s="799"/>
      <c r="AS19" s="802"/>
      <c r="AT19" s="29"/>
      <c r="AU19" s="835"/>
      <c r="AV19" s="799"/>
      <c r="AW19" s="802"/>
      <c r="AX19" s="29"/>
      <c r="AY19" s="835"/>
      <c r="AZ19" s="799"/>
      <c r="BA19" s="799"/>
      <c r="BB19" s="799"/>
      <c r="BC19" s="862"/>
      <c r="BD19" s="827"/>
      <c r="BE19" s="865"/>
      <c r="BF19" s="805"/>
      <c r="BG19" s="865"/>
      <c r="BH19" s="805"/>
      <c r="BI19" s="806"/>
      <c r="BJ19" s="792"/>
      <c r="BK19" s="792"/>
      <c r="BL19" s="792"/>
      <c r="BM19" s="792"/>
      <c r="BN19" s="792"/>
      <c r="BO19" s="792"/>
      <c r="BP19" s="792"/>
      <c r="BQ19" s="789"/>
      <c r="BR19" s="298"/>
      <c r="BS19" s="792"/>
      <c r="BT19" s="896"/>
      <c r="BU19" s="896"/>
      <c r="BV19" s="896"/>
      <c r="BW19" s="896"/>
      <c r="BX19" s="896"/>
      <c r="BY19" s="896"/>
      <c r="BZ19" s="827"/>
      <c r="CA19" s="806"/>
    </row>
    <row r="20" spans="1:84" ht="8.25" customHeight="1" x14ac:dyDescent="0.2">
      <c r="A20" s="845"/>
      <c r="B20" s="939"/>
      <c r="C20" s="848"/>
      <c r="D20" s="945"/>
      <c r="E20" s="916"/>
      <c r="F20" s="916"/>
      <c r="G20" s="916"/>
      <c r="H20" s="916"/>
      <c r="I20" s="916"/>
      <c r="J20" s="916"/>
      <c r="K20" s="916"/>
      <c r="L20" s="916"/>
      <c r="M20" s="916"/>
      <c r="N20" s="916"/>
      <c r="O20" s="916"/>
      <c r="P20" s="916"/>
      <c r="Q20" s="916"/>
      <c r="R20" s="916"/>
      <c r="S20" s="989"/>
      <c r="T20" s="948"/>
      <c r="U20" s="926"/>
      <c r="V20" s="927"/>
      <c r="W20" s="845"/>
      <c r="X20" s="942"/>
      <c r="Y20" s="926"/>
      <c r="Z20" s="926"/>
      <c r="AA20" s="927"/>
      <c r="AB20" s="845"/>
      <c r="AC20" s="848"/>
      <c r="AD20" s="893"/>
      <c r="AE20" s="920"/>
      <c r="AF20" s="920"/>
      <c r="AG20" s="920"/>
      <c r="AH20" s="920"/>
      <c r="AI20" s="920"/>
      <c r="AJ20" s="920"/>
      <c r="AK20" s="894"/>
      <c r="AL20" s="840"/>
      <c r="AM20" s="841"/>
      <c r="AN20" s="841"/>
      <c r="AO20" s="842"/>
      <c r="AP20" s="790"/>
      <c r="AQ20" s="954"/>
      <c r="AR20" s="800"/>
      <c r="AS20" s="803"/>
      <c r="AT20" s="30" t="s">
        <v>86</v>
      </c>
      <c r="AU20" s="836"/>
      <c r="AV20" s="800"/>
      <c r="AW20" s="803"/>
      <c r="AX20" s="30" t="s">
        <v>86</v>
      </c>
      <c r="AY20" s="836"/>
      <c r="AZ20" s="800"/>
      <c r="BA20" s="800"/>
      <c r="BB20" s="800"/>
      <c r="BC20" s="863"/>
      <c r="BD20" s="828"/>
      <c r="BE20" s="866"/>
      <c r="BF20" s="807"/>
      <c r="BG20" s="866"/>
      <c r="BH20" s="807"/>
      <c r="BI20" s="808"/>
      <c r="BJ20" s="793"/>
      <c r="BK20" s="793"/>
      <c r="BL20" s="793"/>
      <c r="BM20" s="793"/>
      <c r="BN20" s="793"/>
      <c r="BO20" s="793"/>
      <c r="BP20" s="793"/>
      <c r="BQ20" s="790"/>
      <c r="BR20" s="299"/>
      <c r="BS20" s="968"/>
      <c r="BT20" s="965"/>
      <c r="BU20" s="965"/>
      <c r="BV20" s="965"/>
      <c r="BW20" s="965"/>
      <c r="BX20" s="965"/>
      <c r="BY20" s="968"/>
      <c r="BZ20" s="828"/>
      <c r="CA20" s="808"/>
    </row>
    <row r="21" spans="1:84" ht="8.25" customHeight="1" thickBot="1" x14ac:dyDescent="0.25">
      <c r="A21" s="846"/>
      <c r="B21" s="940"/>
      <c r="C21" s="849"/>
      <c r="D21" s="946"/>
      <c r="E21" s="917"/>
      <c r="F21" s="917"/>
      <c r="G21" s="917"/>
      <c r="H21" s="917"/>
      <c r="I21" s="917"/>
      <c r="J21" s="917"/>
      <c r="K21" s="917"/>
      <c r="L21" s="917"/>
      <c r="M21" s="917"/>
      <c r="N21" s="917"/>
      <c r="O21" s="917"/>
      <c r="P21" s="917"/>
      <c r="Q21" s="917"/>
      <c r="R21" s="917"/>
      <c r="S21" s="990"/>
      <c r="T21" s="949"/>
      <c r="U21" s="950"/>
      <c r="V21" s="951"/>
      <c r="W21" s="952"/>
      <c r="X21" s="943"/>
      <c r="Y21" s="928"/>
      <c r="Z21" s="928"/>
      <c r="AA21" s="929"/>
      <c r="AB21" s="846"/>
      <c r="AC21" s="849"/>
      <c r="AD21" s="921"/>
      <c r="AE21" s="922"/>
      <c r="AF21" s="922"/>
      <c r="AG21" s="922"/>
      <c r="AH21" s="922"/>
      <c r="AI21" s="922"/>
      <c r="AJ21" s="922"/>
      <c r="AK21" s="923"/>
      <c r="AL21" s="843"/>
      <c r="AM21" s="812"/>
      <c r="AN21" s="812"/>
      <c r="AO21" s="812"/>
      <c r="AP21" s="791"/>
      <c r="AQ21" s="955"/>
      <c r="AR21" s="801"/>
      <c r="AS21" s="804"/>
      <c r="AT21" s="31"/>
      <c r="AU21" s="918"/>
      <c r="AV21" s="801"/>
      <c r="AW21" s="804"/>
      <c r="AX21" s="31"/>
      <c r="AY21" s="918"/>
      <c r="AZ21" s="801"/>
      <c r="BA21" s="801"/>
      <c r="BB21" s="801"/>
      <c r="BC21" s="864"/>
      <c r="BD21" s="829"/>
      <c r="BE21" s="867"/>
      <c r="BF21" s="809"/>
      <c r="BG21" s="867"/>
      <c r="BH21" s="809"/>
      <c r="BI21" s="810"/>
      <c r="BJ21" s="794"/>
      <c r="BK21" s="794"/>
      <c r="BL21" s="794"/>
      <c r="BM21" s="794"/>
      <c r="BN21" s="794"/>
      <c r="BO21" s="794"/>
      <c r="BP21" s="794"/>
      <c r="BQ21" s="791"/>
      <c r="BR21" s="300"/>
      <c r="BS21" s="898"/>
      <c r="BT21" s="898"/>
      <c r="BU21" s="898"/>
      <c r="BV21" s="898"/>
      <c r="BW21" s="898"/>
      <c r="BX21" s="898"/>
      <c r="BY21" s="898"/>
      <c r="BZ21" s="829"/>
      <c r="CA21" s="810"/>
    </row>
    <row r="22" spans="1:84" ht="6" customHeight="1" thickBot="1" x14ac:dyDescent="0.25"/>
    <row r="23" spans="1:84" ht="8.25" customHeight="1" x14ac:dyDescent="0.2">
      <c r="D23" s="291"/>
      <c r="E23" s="292"/>
      <c r="F23" s="292"/>
      <c r="G23" s="292"/>
      <c r="H23" s="292"/>
      <c r="I23" s="292"/>
      <c r="J23" s="292"/>
      <c r="K23" s="292"/>
      <c r="L23" s="292"/>
      <c r="M23" s="292"/>
      <c r="N23" s="292"/>
      <c r="O23" s="292"/>
      <c r="P23" s="301"/>
      <c r="Q23" s="888" t="s">
        <v>87</v>
      </c>
      <c r="R23" s="872" t="s">
        <v>88</v>
      </c>
      <c r="S23" s="873"/>
      <c r="T23" s="873"/>
      <c r="U23" s="873"/>
      <c r="V23" s="873"/>
      <c r="W23" s="873"/>
      <c r="X23" s="874"/>
      <c r="Y23" s="1055" t="s">
        <v>89</v>
      </c>
      <c r="Z23" s="1056"/>
      <c r="AA23" s="1056"/>
      <c r="AB23" s="1056"/>
      <c r="AC23" s="1056"/>
      <c r="AD23" s="1056"/>
      <c r="AE23" s="1057"/>
      <c r="AF23" s="345"/>
      <c r="AG23" s="345"/>
      <c r="AH23" s="345"/>
      <c r="AI23" s="345"/>
      <c r="AJ23" s="345"/>
      <c r="AK23" s="345"/>
      <c r="AL23" s="346"/>
      <c r="AM23" s="345"/>
      <c r="AN23" s="345"/>
      <c r="AO23" s="345"/>
      <c r="AP23" s="345"/>
      <c r="AQ23" s="345"/>
      <c r="AR23" s="345"/>
      <c r="AS23" s="347"/>
      <c r="AT23" s="345"/>
      <c r="AU23" s="345"/>
      <c r="AV23" s="345"/>
      <c r="AW23" s="345"/>
      <c r="AX23" s="346"/>
      <c r="AY23" s="345"/>
      <c r="AZ23" s="345"/>
      <c r="BA23" s="345"/>
      <c r="BB23" s="345"/>
      <c r="BC23" s="345"/>
      <c r="BD23" s="346"/>
      <c r="BE23" s="345"/>
      <c r="BF23" s="345"/>
      <c r="BG23" s="345"/>
      <c r="BH23" s="345"/>
      <c r="BI23" s="345"/>
      <c r="BJ23" s="346"/>
      <c r="BK23" s="347"/>
      <c r="BL23" s="345"/>
      <c r="BM23" s="345"/>
      <c r="BN23" s="345"/>
      <c r="BO23" s="345"/>
      <c r="BP23" s="345"/>
      <c r="BQ23" s="345"/>
      <c r="BR23" s="15"/>
      <c r="BS23" s="7"/>
      <c r="BT23" s="7"/>
      <c r="BU23" s="7"/>
      <c r="BV23" s="7"/>
      <c r="BW23" s="7"/>
      <c r="BX23" s="7"/>
      <c r="BY23" s="8"/>
      <c r="BZ23" s="766" t="s">
        <v>90</v>
      </c>
      <c r="CA23" s="32"/>
      <c r="CB23" s="32"/>
    </row>
    <row r="24" spans="1:84" ht="8.25" customHeight="1" x14ac:dyDescent="0.2">
      <c r="D24" s="293"/>
      <c r="E24" s="9"/>
      <c r="F24" s="9"/>
      <c r="G24" s="9"/>
      <c r="H24" s="9"/>
      <c r="I24" s="9"/>
      <c r="J24" s="9"/>
      <c r="K24" s="9"/>
      <c r="L24" s="9"/>
      <c r="M24" s="9"/>
      <c r="N24" s="9"/>
      <c r="O24" s="9"/>
      <c r="P24" s="10"/>
      <c r="Q24" s="889"/>
      <c r="R24" s="875"/>
      <c r="S24" s="819"/>
      <c r="T24" s="819"/>
      <c r="U24" s="819"/>
      <c r="V24" s="819"/>
      <c r="W24" s="819"/>
      <c r="X24" s="876"/>
      <c r="Y24" s="1058"/>
      <c r="Z24" s="1037"/>
      <c r="AA24" s="1037"/>
      <c r="AB24" s="1037"/>
      <c r="AC24" s="1037"/>
      <c r="AD24" s="1037"/>
      <c r="AE24" s="1059"/>
      <c r="AF24" s="775" t="s">
        <v>91</v>
      </c>
      <c r="AG24" s="775"/>
      <c r="AH24" s="775"/>
      <c r="AI24" s="775"/>
      <c r="AJ24" s="775"/>
      <c r="AK24" s="775"/>
      <c r="AL24" s="776"/>
      <c r="AM24" s="774" t="s">
        <v>218</v>
      </c>
      <c r="AN24" s="775"/>
      <c r="AO24" s="775"/>
      <c r="AP24" s="775"/>
      <c r="AQ24" s="775"/>
      <c r="AR24" s="776"/>
      <c r="AS24" s="348"/>
      <c r="AT24" s="349"/>
      <c r="AU24" s="349"/>
      <c r="AV24" s="349"/>
      <c r="AW24" s="349"/>
      <c r="AX24" s="350"/>
      <c r="AY24" s="349"/>
      <c r="AZ24" s="349"/>
      <c r="BA24" s="349"/>
      <c r="BB24" s="349"/>
      <c r="BC24" s="349"/>
      <c r="BD24" s="350"/>
      <c r="BE24" s="349"/>
      <c r="BF24" s="349"/>
      <c r="BG24" s="349"/>
      <c r="BH24" s="349"/>
      <c r="BI24" s="349"/>
      <c r="BJ24" s="350"/>
      <c r="BK24" s="348"/>
      <c r="BL24" s="349"/>
      <c r="BM24" s="349"/>
      <c r="BN24" s="349"/>
      <c r="BO24" s="349"/>
      <c r="BP24" s="349"/>
      <c r="BQ24" s="349"/>
      <c r="BR24" s="771" t="s">
        <v>92</v>
      </c>
      <c r="BS24" s="772"/>
      <c r="BT24" s="772"/>
      <c r="BU24" s="772"/>
      <c r="BV24" s="772"/>
      <c r="BW24" s="772"/>
      <c r="BX24" s="772"/>
      <c r="BY24" s="773"/>
      <c r="BZ24" s="767"/>
      <c r="CA24" s="32"/>
      <c r="CB24" s="32"/>
    </row>
    <row r="25" spans="1:84" ht="8.25" customHeight="1" x14ac:dyDescent="0.2">
      <c r="D25" s="293"/>
      <c r="E25" s="870" t="s">
        <v>93</v>
      </c>
      <c r="F25" s="772"/>
      <c r="G25" s="772"/>
      <c r="H25" s="772"/>
      <c r="I25" s="772"/>
      <c r="J25" s="772"/>
      <c r="K25" s="772"/>
      <c r="L25" s="772"/>
      <c r="M25" s="772"/>
      <c r="N25" s="772"/>
      <c r="O25" s="772"/>
      <c r="P25" s="10"/>
      <c r="Q25" s="889"/>
      <c r="R25" s="831" t="s">
        <v>94</v>
      </c>
      <c r="S25" s="823" t="s">
        <v>95</v>
      </c>
      <c r="T25" s="824"/>
      <c r="U25" s="823" t="s">
        <v>96</v>
      </c>
      <c r="V25" s="824"/>
      <c r="W25" s="823" t="s">
        <v>97</v>
      </c>
      <c r="X25" s="824"/>
      <c r="Y25" s="1005" t="s">
        <v>94</v>
      </c>
      <c r="Z25" s="1007" t="s">
        <v>95</v>
      </c>
      <c r="AA25" s="1008"/>
      <c r="AB25" s="1007" t="s">
        <v>96</v>
      </c>
      <c r="AC25" s="1008"/>
      <c r="AD25" s="1007" t="s">
        <v>97</v>
      </c>
      <c r="AE25" s="1009"/>
      <c r="AF25" s="775"/>
      <c r="AG25" s="775"/>
      <c r="AH25" s="775"/>
      <c r="AI25" s="775"/>
      <c r="AJ25" s="775"/>
      <c r="AK25" s="775"/>
      <c r="AL25" s="776"/>
      <c r="AM25" s="774"/>
      <c r="AN25" s="775"/>
      <c r="AO25" s="775"/>
      <c r="AP25" s="775"/>
      <c r="AQ25" s="775"/>
      <c r="AR25" s="776"/>
      <c r="AS25" s="774" t="s">
        <v>98</v>
      </c>
      <c r="AT25" s="775"/>
      <c r="AU25" s="775"/>
      <c r="AV25" s="775"/>
      <c r="AW25" s="775"/>
      <c r="AX25" s="776"/>
      <c r="AY25" s="777" t="s">
        <v>216</v>
      </c>
      <c r="AZ25" s="778"/>
      <c r="BA25" s="778"/>
      <c r="BB25" s="778"/>
      <c r="BC25" s="778"/>
      <c r="BD25" s="779"/>
      <c r="BE25" s="780" t="s">
        <v>217</v>
      </c>
      <c r="BF25" s="781"/>
      <c r="BG25" s="781"/>
      <c r="BH25" s="781"/>
      <c r="BI25" s="781"/>
      <c r="BJ25" s="782"/>
      <c r="BK25" s="774" t="s">
        <v>99</v>
      </c>
      <c r="BL25" s="775"/>
      <c r="BM25" s="775"/>
      <c r="BN25" s="775"/>
      <c r="BO25" s="775"/>
      <c r="BP25" s="775"/>
      <c r="BQ25" s="776"/>
      <c r="BR25" s="771"/>
      <c r="BS25" s="772"/>
      <c r="BT25" s="772"/>
      <c r="BU25" s="772"/>
      <c r="BV25" s="772"/>
      <c r="BW25" s="772"/>
      <c r="BX25" s="772"/>
      <c r="BY25" s="773"/>
      <c r="BZ25" s="767"/>
      <c r="CA25" s="32"/>
      <c r="CB25" s="32"/>
    </row>
    <row r="26" spans="1:84" ht="13.95" customHeight="1" x14ac:dyDescent="0.2">
      <c r="D26" s="293"/>
      <c r="E26" s="772"/>
      <c r="F26" s="772"/>
      <c r="G26" s="772"/>
      <c r="H26" s="772"/>
      <c r="I26" s="772"/>
      <c r="J26" s="772"/>
      <c r="K26" s="772"/>
      <c r="L26" s="772"/>
      <c r="M26" s="772"/>
      <c r="N26" s="772"/>
      <c r="O26" s="772"/>
      <c r="P26" s="10"/>
      <c r="Q26" s="889"/>
      <c r="R26" s="832"/>
      <c r="S26" s="771"/>
      <c r="T26" s="773"/>
      <c r="U26" s="771"/>
      <c r="V26" s="773"/>
      <c r="W26" s="771"/>
      <c r="X26" s="773"/>
      <c r="Y26" s="1006"/>
      <c r="Z26" s="774"/>
      <c r="AA26" s="776"/>
      <c r="AB26" s="774"/>
      <c r="AC26" s="776"/>
      <c r="AD26" s="774"/>
      <c r="AE26" s="1010"/>
      <c r="AF26" s="775" t="s">
        <v>100</v>
      </c>
      <c r="AG26" s="775"/>
      <c r="AH26" s="775"/>
      <c r="AI26" s="775"/>
      <c r="AJ26" s="775"/>
      <c r="AK26" s="775"/>
      <c r="AL26" s="776"/>
      <c r="AM26" s="777" t="s">
        <v>220</v>
      </c>
      <c r="AN26" s="778"/>
      <c r="AO26" s="778"/>
      <c r="AP26" s="778"/>
      <c r="AQ26" s="778"/>
      <c r="AR26" s="779"/>
      <c r="AS26" s="774"/>
      <c r="AT26" s="775"/>
      <c r="AU26" s="775"/>
      <c r="AV26" s="775"/>
      <c r="AW26" s="775"/>
      <c r="AX26" s="776"/>
      <c r="AY26" s="777"/>
      <c r="AZ26" s="778"/>
      <c r="BA26" s="778"/>
      <c r="BB26" s="778"/>
      <c r="BC26" s="778"/>
      <c r="BD26" s="779"/>
      <c r="BE26" s="780"/>
      <c r="BF26" s="781"/>
      <c r="BG26" s="781"/>
      <c r="BH26" s="781"/>
      <c r="BI26" s="781"/>
      <c r="BJ26" s="782"/>
      <c r="BK26" s="774"/>
      <c r="BL26" s="775"/>
      <c r="BM26" s="775"/>
      <c r="BN26" s="775"/>
      <c r="BO26" s="775"/>
      <c r="BP26" s="775"/>
      <c r="BQ26" s="776"/>
      <c r="BR26" s="771" t="s">
        <v>101</v>
      </c>
      <c r="BS26" s="772"/>
      <c r="BT26" s="772"/>
      <c r="BU26" s="772"/>
      <c r="BV26" s="772"/>
      <c r="BW26" s="772"/>
      <c r="BX26" s="772"/>
      <c r="BY26" s="773"/>
      <c r="BZ26" s="767"/>
      <c r="CA26" s="32"/>
      <c r="CB26" s="32"/>
    </row>
    <row r="27" spans="1:84" ht="9" customHeight="1" x14ac:dyDescent="0.2">
      <c r="D27" s="293"/>
      <c r="E27" s="885" t="s">
        <v>139</v>
      </c>
      <c r="F27" s="886"/>
      <c r="G27" s="886"/>
      <c r="H27" s="886"/>
      <c r="I27" s="886"/>
      <c r="J27" s="886"/>
      <c r="K27" s="886"/>
      <c r="L27" s="886"/>
      <c r="M27" s="886"/>
      <c r="N27" s="886"/>
      <c r="O27" s="9"/>
      <c r="P27" s="10"/>
      <c r="Q27" s="889"/>
      <c r="R27" s="832"/>
      <c r="S27" s="771"/>
      <c r="T27" s="773"/>
      <c r="U27" s="771"/>
      <c r="V27" s="773"/>
      <c r="W27" s="771"/>
      <c r="X27" s="773"/>
      <c r="Y27" s="1006"/>
      <c r="Z27" s="774"/>
      <c r="AA27" s="776"/>
      <c r="AB27" s="774"/>
      <c r="AC27" s="776"/>
      <c r="AD27" s="774"/>
      <c r="AE27" s="1010"/>
      <c r="AF27" s="775"/>
      <c r="AG27" s="775"/>
      <c r="AH27" s="775"/>
      <c r="AI27" s="775"/>
      <c r="AJ27" s="775"/>
      <c r="AK27" s="775"/>
      <c r="AL27" s="776"/>
      <c r="AM27" s="777"/>
      <c r="AN27" s="778"/>
      <c r="AO27" s="778"/>
      <c r="AP27" s="778"/>
      <c r="AQ27" s="778"/>
      <c r="AR27" s="779"/>
      <c r="AS27" s="351"/>
      <c r="AT27" s="352"/>
      <c r="AU27" s="352"/>
      <c r="AV27" s="352"/>
      <c r="AW27" s="352"/>
      <c r="AX27" s="353"/>
      <c r="AY27" s="349"/>
      <c r="AZ27" s="349"/>
      <c r="BA27" s="349"/>
      <c r="BB27" s="349"/>
      <c r="BC27" s="349"/>
      <c r="BD27" s="350"/>
      <c r="BE27" s="349"/>
      <c r="BF27" s="349"/>
      <c r="BG27" s="349"/>
      <c r="BH27" s="349"/>
      <c r="BI27" s="349"/>
      <c r="BJ27" s="350"/>
      <c r="BK27" s="348"/>
      <c r="BL27" s="349"/>
      <c r="BM27" s="349"/>
      <c r="BN27" s="349"/>
      <c r="BO27" s="349"/>
      <c r="BP27" s="349"/>
      <c r="BQ27" s="349"/>
      <c r="BR27" s="771"/>
      <c r="BS27" s="772"/>
      <c r="BT27" s="772"/>
      <c r="BU27" s="772"/>
      <c r="BV27" s="772"/>
      <c r="BW27" s="772"/>
      <c r="BX27" s="772"/>
      <c r="BY27" s="773"/>
      <c r="BZ27" s="767"/>
      <c r="CA27" s="32"/>
      <c r="CB27" s="32"/>
    </row>
    <row r="28" spans="1:84" ht="0.45" customHeight="1" x14ac:dyDescent="0.2">
      <c r="D28" s="294">
        <v>13</v>
      </c>
      <c r="E28" s="887"/>
      <c r="F28" s="887"/>
      <c r="G28" s="887"/>
      <c r="H28" s="887"/>
      <c r="I28" s="887"/>
      <c r="J28" s="887"/>
      <c r="K28" s="887"/>
      <c r="L28" s="887"/>
      <c r="M28" s="887"/>
      <c r="N28" s="887"/>
      <c r="O28" s="14"/>
      <c r="P28" s="13">
        <v>25</v>
      </c>
      <c r="Q28" s="342">
        <v>26</v>
      </c>
      <c r="R28" s="26">
        <v>27</v>
      </c>
      <c r="S28" s="12">
        <v>28</v>
      </c>
      <c r="T28" s="13">
        <v>29</v>
      </c>
      <c r="U28" s="12">
        <v>30</v>
      </c>
      <c r="V28" s="13">
        <v>31</v>
      </c>
      <c r="W28" s="12">
        <v>32</v>
      </c>
      <c r="X28" s="13">
        <v>33</v>
      </c>
      <c r="Y28" s="354">
        <v>34</v>
      </c>
      <c r="Z28" s="355">
        <v>35</v>
      </c>
      <c r="AA28" s="356">
        <v>36</v>
      </c>
      <c r="AB28" s="355">
        <v>37</v>
      </c>
      <c r="AC28" s="356">
        <v>38</v>
      </c>
      <c r="AD28" s="355">
        <v>39</v>
      </c>
      <c r="AE28" s="357">
        <v>40</v>
      </c>
      <c r="AF28" s="358">
        <v>41</v>
      </c>
      <c r="AG28" s="359"/>
      <c r="AH28" s="359"/>
      <c r="AI28" s="359"/>
      <c r="AJ28" s="359"/>
      <c r="AK28" s="359"/>
      <c r="AL28" s="356">
        <v>47</v>
      </c>
      <c r="AM28" s="360"/>
      <c r="AN28" s="360"/>
      <c r="AO28" s="360"/>
      <c r="AP28" s="360"/>
      <c r="AQ28" s="360"/>
      <c r="AR28" s="360"/>
      <c r="AS28" s="359"/>
      <c r="AT28" s="359"/>
      <c r="AU28" s="359"/>
      <c r="AV28" s="359"/>
      <c r="AW28" s="359"/>
      <c r="AX28" s="356">
        <v>54</v>
      </c>
      <c r="AY28" s="359"/>
      <c r="AZ28" s="359"/>
      <c r="BA28" s="359"/>
      <c r="BB28" s="359"/>
      <c r="BC28" s="359"/>
      <c r="BD28" s="356">
        <v>61</v>
      </c>
      <c r="BE28" s="359"/>
      <c r="BF28" s="359"/>
      <c r="BG28" s="359"/>
      <c r="BH28" s="359"/>
      <c r="BI28" s="359"/>
      <c r="BJ28" s="356">
        <v>68</v>
      </c>
      <c r="BK28" s="355">
        <v>69</v>
      </c>
      <c r="BL28" s="359"/>
      <c r="BM28" s="359"/>
      <c r="BN28" s="359"/>
      <c r="BO28" s="359"/>
      <c r="BP28" s="359"/>
      <c r="BQ28" s="360">
        <v>75</v>
      </c>
      <c r="BR28" s="12">
        <v>76</v>
      </c>
      <c r="BS28" s="27"/>
      <c r="BT28" s="27"/>
      <c r="BU28" s="27"/>
      <c r="BV28" s="27"/>
      <c r="BW28" s="27"/>
      <c r="BX28" s="24"/>
      <c r="BY28" s="13">
        <v>83</v>
      </c>
      <c r="BZ28" s="26">
        <v>84</v>
      </c>
      <c r="CA28" s="35"/>
      <c r="CB28" s="35"/>
      <c r="CC28" s="36"/>
      <c r="CD28" s="36"/>
      <c r="CE28" s="36"/>
      <c r="CF28" s="36"/>
    </row>
    <row r="29" spans="1:84" ht="8.25" customHeight="1" x14ac:dyDescent="0.2">
      <c r="D29" s="882"/>
      <c r="E29" s="799"/>
      <c r="F29" s="799"/>
      <c r="G29" s="799"/>
      <c r="H29" s="799"/>
      <c r="I29" s="799"/>
      <c r="J29" s="799"/>
      <c r="K29" s="799"/>
      <c r="L29" s="799"/>
      <c r="M29" s="799"/>
      <c r="N29" s="799"/>
      <c r="O29" s="799"/>
      <c r="P29" s="802"/>
      <c r="Q29" s="760"/>
      <c r="R29" s="760"/>
      <c r="S29" s="835"/>
      <c r="T29" s="802"/>
      <c r="U29" s="835"/>
      <c r="V29" s="802"/>
      <c r="W29" s="835"/>
      <c r="X29" s="802"/>
      <c r="Y29" s="1098"/>
      <c r="Z29" s="1090"/>
      <c r="AA29" s="1095"/>
      <c r="AB29" s="1090"/>
      <c r="AC29" s="1095"/>
      <c r="AD29" s="1090"/>
      <c r="AE29" s="1114"/>
      <c r="AF29" s="1087"/>
      <c r="AG29" s="996"/>
      <c r="AH29" s="993"/>
      <c r="AI29" s="361" t="s">
        <v>102</v>
      </c>
      <c r="AJ29" s="996"/>
      <c r="AK29" s="993"/>
      <c r="AL29" s="361" t="s">
        <v>103</v>
      </c>
      <c r="AM29" s="996"/>
      <c r="AN29" s="993"/>
      <c r="AO29" s="361" t="s">
        <v>102</v>
      </c>
      <c r="AP29" s="996"/>
      <c r="AQ29" s="993"/>
      <c r="AR29" s="361" t="s">
        <v>103</v>
      </c>
      <c r="AS29" s="996"/>
      <c r="AT29" s="993"/>
      <c r="AU29" s="361" t="s">
        <v>102</v>
      </c>
      <c r="AV29" s="996"/>
      <c r="AW29" s="993"/>
      <c r="AX29" s="361" t="s">
        <v>103</v>
      </c>
      <c r="AY29" s="996"/>
      <c r="AZ29" s="993"/>
      <c r="BA29" s="361" t="s">
        <v>102</v>
      </c>
      <c r="BB29" s="996"/>
      <c r="BC29" s="993"/>
      <c r="BD29" s="361" t="s">
        <v>103</v>
      </c>
      <c r="BE29" s="996"/>
      <c r="BF29" s="993"/>
      <c r="BG29" s="361" t="s">
        <v>102</v>
      </c>
      <c r="BH29" s="996"/>
      <c r="BI29" s="993"/>
      <c r="BJ29" s="361" t="s">
        <v>103</v>
      </c>
      <c r="BK29" s="999"/>
      <c r="BL29" s="996"/>
      <c r="BM29" s="993"/>
      <c r="BN29" s="361" t="s">
        <v>102</v>
      </c>
      <c r="BO29" s="996"/>
      <c r="BP29" s="993"/>
      <c r="BQ29" s="362" t="s">
        <v>103</v>
      </c>
      <c r="BR29" s="754"/>
      <c r="BS29" s="765"/>
      <c r="BT29" s="754"/>
      <c r="BU29" s="757"/>
      <c r="BV29" s="39" t="s">
        <v>102</v>
      </c>
      <c r="BW29" s="754"/>
      <c r="BX29" s="757"/>
      <c r="BY29" s="39" t="s">
        <v>103</v>
      </c>
      <c r="BZ29" s="760"/>
      <c r="CA29" s="9"/>
      <c r="CB29" s="9"/>
    </row>
    <row r="30" spans="1:84" ht="8.25" customHeight="1" x14ac:dyDescent="0.2">
      <c r="D30" s="883"/>
      <c r="E30" s="800"/>
      <c r="F30" s="800"/>
      <c r="G30" s="800"/>
      <c r="H30" s="800"/>
      <c r="I30" s="800"/>
      <c r="J30" s="800"/>
      <c r="K30" s="800"/>
      <c r="L30" s="800"/>
      <c r="M30" s="800"/>
      <c r="N30" s="800"/>
      <c r="O30" s="800"/>
      <c r="P30" s="803"/>
      <c r="Q30" s="761"/>
      <c r="R30" s="761"/>
      <c r="S30" s="836"/>
      <c r="T30" s="803"/>
      <c r="U30" s="836"/>
      <c r="V30" s="803"/>
      <c r="W30" s="836"/>
      <c r="X30" s="803"/>
      <c r="Y30" s="1099"/>
      <c r="Z30" s="1091"/>
      <c r="AA30" s="1096"/>
      <c r="AB30" s="1091"/>
      <c r="AC30" s="1096"/>
      <c r="AD30" s="1091"/>
      <c r="AE30" s="1115"/>
      <c r="AF30" s="1088"/>
      <c r="AG30" s="997"/>
      <c r="AH30" s="994"/>
      <c r="AI30" s="991"/>
      <c r="AJ30" s="997"/>
      <c r="AK30" s="994"/>
      <c r="AL30" s="991"/>
      <c r="AM30" s="997"/>
      <c r="AN30" s="994"/>
      <c r="AO30" s="991"/>
      <c r="AP30" s="997"/>
      <c r="AQ30" s="994"/>
      <c r="AR30" s="991"/>
      <c r="AS30" s="997"/>
      <c r="AT30" s="994"/>
      <c r="AU30" s="991"/>
      <c r="AV30" s="997"/>
      <c r="AW30" s="994"/>
      <c r="AX30" s="991"/>
      <c r="AY30" s="997"/>
      <c r="AZ30" s="994"/>
      <c r="BA30" s="991"/>
      <c r="BB30" s="997"/>
      <c r="BC30" s="994"/>
      <c r="BD30" s="991"/>
      <c r="BE30" s="997"/>
      <c r="BF30" s="994"/>
      <c r="BG30" s="991"/>
      <c r="BH30" s="997"/>
      <c r="BI30" s="994"/>
      <c r="BJ30" s="991"/>
      <c r="BK30" s="1000"/>
      <c r="BL30" s="997"/>
      <c r="BM30" s="994"/>
      <c r="BN30" s="991"/>
      <c r="BO30" s="997"/>
      <c r="BP30" s="994"/>
      <c r="BQ30" s="991"/>
      <c r="BR30" s="755"/>
      <c r="BS30" s="763"/>
      <c r="BT30" s="755"/>
      <c r="BU30" s="758"/>
      <c r="BV30" s="763"/>
      <c r="BW30" s="755"/>
      <c r="BX30" s="758"/>
      <c r="BY30" s="763"/>
      <c r="BZ30" s="761"/>
      <c r="CA30" s="9"/>
      <c r="CB30" s="9"/>
    </row>
    <row r="31" spans="1:84" ht="8.25" customHeight="1" thickBot="1" x14ac:dyDescent="0.25">
      <c r="D31" s="884"/>
      <c r="E31" s="877"/>
      <c r="F31" s="877"/>
      <c r="G31" s="877"/>
      <c r="H31" s="877"/>
      <c r="I31" s="877"/>
      <c r="J31" s="877"/>
      <c r="K31" s="877"/>
      <c r="L31" s="877"/>
      <c r="M31" s="877"/>
      <c r="N31" s="877"/>
      <c r="O31" s="877"/>
      <c r="P31" s="850"/>
      <c r="Q31" s="786"/>
      <c r="R31" s="786"/>
      <c r="S31" s="837"/>
      <c r="T31" s="850"/>
      <c r="U31" s="837"/>
      <c r="V31" s="850"/>
      <c r="W31" s="837"/>
      <c r="X31" s="850"/>
      <c r="Y31" s="1100"/>
      <c r="Z31" s="1092"/>
      <c r="AA31" s="1097"/>
      <c r="AB31" s="1092"/>
      <c r="AC31" s="1097"/>
      <c r="AD31" s="1092"/>
      <c r="AE31" s="1116"/>
      <c r="AF31" s="1089"/>
      <c r="AG31" s="998"/>
      <c r="AH31" s="995"/>
      <c r="AI31" s="992"/>
      <c r="AJ31" s="998"/>
      <c r="AK31" s="995"/>
      <c r="AL31" s="992"/>
      <c r="AM31" s="998"/>
      <c r="AN31" s="995"/>
      <c r="AO31" s="992"/>
      <c r="AP31" s="998"/>
      <c r="AQ31" s="995"/>
      <c r="AR31" s="992"/>
      <c r="AS31" s="998"/>
      <c r="AT31" s="995"/>
      <c r="AU31" s="992"/>
      <c r="AV31" s="998"/>
      <c r="AW31" s="995"/>
      <c r="AX31" s="992"/>
      <c r="AY31" s="998"/>
      <c r="AZ31" s="995"/>
      <c r="BA31" s="992"/>
      <c r="BB31" s="998"/>
      <c r="BC31" s="995"/>
      <c r="BD31" s="992"/>
      <c r="BE31" s="998"/>
      <c r="BF31" s="995"/>
      <c r="BG31" s="992"/>
      <c r="BH31" s="998"/>
      <c r="BI31" s="995"/>
      <c r="BJ31" s="992"/>
      <c r="BK31" s="1001"/>
      <c r="BL31" s="998"/>
      <c r="BM31" s="995"/>
      <c r="BN31" s="992"/>
      <c r="BO31" s="998"/>
      <c r="BP31" s="995"/>
      <c r="BQ31" s="992"/>
      <c r="BR31" s="756"/>
      <c r="BS31" s="764"/>
      <c r="BT31" s="756"/>
      <c r="BU31" s="759"/>
      <c r="BV31" s="764"/>
      <c r="BW31" s="756"/>
      <c r="BX31" s="759"/>
      <c r="BY31" s="764"/>
      <c r="BZ31" s="762"/>
      <c r="CA31" s="9"/>
      <c r="CB31" s="9"/>
    </row>
    <row r="32" spans="1:84" ht="9" customHeight="1" thickBot="1" x14ac:dyDescent="0.25">
      <c r="Y32" s="363"/>
      <c r="Z32" s="363"/>
      <c r="AA32" s="363"/>
      <c r="AB32" s="363"/>
      <c r="AC32" s="363"/>
      <c r="AD32" s="363"/>
      <c r="AE32" s="363"/>
      <c r="AF32" s="363"/>
      <c r="AG32" s="363"/>
      <c r="AH32" s="363"/>
      <c r="AI32" s="363"/>
      <c r="AJ32" s="363"/>
      <c r="AK32" s="363"/>
      <c r="AL32" s="363"/>
      <c r="AM32" s="363"/>
      <c r="AN32" s="363"/>
      <c r="AO32" s="363"/>
      <c r="AP32" s="363"/>
      <c r="AQ32" s="363"/>
      <c r="AR32" s="363"/>
      <c r="AS32" s="363"/>
      <c r="AT32" s="363"/>
      <c r="AU32" s="363"/>
      <c r="AV32" s="363"/>
      <c r="AW32" s="363"/>
      <c r="AX32" s="363"/>
      <c r="AY32" s="363"/>
      <c r="AZ32" s="363"/>
      <c r="BA32" s="363"/>
      <c r="BB32" s="363"/>
      <c r="BC32" s="363"/>
      <c r="BD32" s="363"/>
      <c r="BE32" s="363"/>
      <c r="BF32" s="363"/>
      <c r="BG32" s="363"/>
      <c r="BH32" s="363"/>
      <c r="BI32" s="363"/>
      <c r="BJ32" s="363"/>
      <c r="BK32" s="363"/>
      <c r="BL32" s="363"/>
      <c r="BM32" s="363"/>
      <c r="BN32" s="363"/>
      <c r="BO32" s="363"/>
      <c r="BP32" s="363"/>
      <c r="BQ32" s="363"/>
    </row>
    <row r="33" spans="1:84" ht="8.25" customHeight="1" x14ac:dyDescent="0.2">
      <c r="A33" s="15"/>
      <c r="B33" s="7"/>
      <c r="C33" s="8"/>
      <c r="D33" s="291"/>
      <c r="E33" s="292"/>
      <c r="F33" s="292"/>
      <c r="G33" s="292"/>
      <c r="H33" s="292"/>
      <c r="I33" s="292"/>
      <c r="J33" s="292"/>
      <c r="K33" s="292"/>
      <c r="L33" s="292"/>
      <c r="M33" s="292"/>
      <c r="N33" s="292"/>
      <c r="O33" s="292"/>
      <c r="P33" s="292"/>
      <c r="Q33" s="292"/>
      <c r="R33" s="292"/>
      <c r="S33" s="302"/>
      <c r="T33" s="878" t="s">
        <v>62</v>
      </c>
      <c r="U33" s="873"/>
      <c r="V33" s="873"/>
      <c r="W33" s="873"/>
      <c r="X33" s="879"/>
      <c r="Y33" s="1031" t="s">
        <v>63</v>
      </c>
      <c r="Z33" s="1032"/>
      <c r="AA33" s="1032"/>
      <c r="AB33" s="1032"/>
      <c r="AC33" s="1032"/>
      <c r="AD33" s="1032"/>
      <c r="AE33" s="1032"/>
      <c r="AF33" s="1032"/>
      <c r="AG33" s="1032"/>
      <c r="AH33" s="1032"/>
      <c r="AI33" s="1032"/>
      <c r="AJ33" s="1032"/>
      <c r="AK33" s="1032"/>
      <c r="AL33" s="1032"/>
      <c r="AM33" s="1032"/>
      <c r="AN33" s="1032"/>
      <c r="AO33" s="1033"/>
      <c r="AP33" s="1007" t="s">
        <v>64</v>
      </c>
      <c r="AQ33" s="1036"/>
      <c r="AR33" s="1036"/>
      <c r="AS33" s="1036"/>
      <c r="AT33" s="1036"/>
      <c r="AU33" s="1036"/>
      <c r="AV33" s="1036"/>
      <c r="AW33" s="1036"/>
      <c r="AX33" s="1036"/>
      <c r="AY33" s="1036"/>
      <c r="AZ33" s="1036"/>
      <c r="BA33" s="1036"/>
      <c r="BB33" s="1036"/>
      <c r="BC33" s="1036"/>
      <c r="BD33" s="1038" t="s">
        <v>65</v>
      </c>
      <c r="BE33" s="1039"/>
      <c r="BF33" s="1039"/>
      <c r="BG33" s="1039"/>
      <c r="BH33" s="1039"/>
      <c r="BI33" s="1040"/>
      <c r="BJ33" s="345"/>
      <c r="BK33" s="345"/>
      <c r="BL33" s="345"/>
      <c r="BM33" s="345"/>
      <c r="BN33" s="345"/>
      <c r="BO33" s="345"/>
      <c r="BP33" s="345"/>
      <c r="BQ33" s="1041" t="s">
        <v>66</v>
      </c>
      <c r="BR33" s="818" t="s">
        <v>67</v>
      </c>
      <c r="BS33" s="896"/>
      <c r="BT33" s="896"/>
      <c r="BU33" s="896"/>
      <c r="BV33" s="896"/>
      <c r="BW33" s="896"/>
      <c r="BX33" s="896"/>
      <c r="BY33" s="896"/>
      <c r="BZ33" s="825" t="s">
        <v>68</v>
      </c>
      <c r="CA33" s="859" t="s">
        <v>69</v>
      </c>
    </row>
    <row r="34" spans="1:84" ht="8.25" customHeight="1" thickBot="1" x14ac:dyDescent="0.25">
      <c r="A34" s="869" t="s">
        <v>70</v>
      </c>
      <c r="B34" s="870"/>
      <c r="C34" s="871"/>
      <c r="D34" s="293"/>
      <c r="E34" s="9"/>
      <c r="F34" s="9"/>
      <c r="G34" s="9"/>
      <c r="H34" s="9"/>
      <c r="I34" s="9"/>
      <c r="J34" s="9"/>
      <c r="K34" s="9"/>
      <c r="L34" s="9"/>
      <c r="M34" s="9"/>
      <c r="N34" s="9"/>
      <c r="O34" s="9"/>
      <c r="P34" s="9"/>
      <c r="Q34" s="9"/>
      <c r="R34" s="9"/>
      <c r="S34" s="303"/>
      <c r="T34" s="880"/>
      <c r="U34" s="819"/>
      <c r="V34" s="819"/>
      <c r="W34" s="819"/>
      <c r="X34" s="881"/>
      <c r="Y34" s="1034"/>
      <c r="Z34" s="1034"/>
      <c r="AA34" s="1034"/>
      <c r="AB34" s="1034"/>
      <c r="AC34" s="1034"/>
      <c r="AD34" s="1034"/>
      <c r="AE34" s="1034"/>
      <c r="AF34" s="1034"/>
      <c r="AG34" s="1034"/>
      <c r="AH34" s="1034"/>
      <c r="AI34" s="1034"/>
      <c r="AJ34" s="1034"/>
      <c r="AK34" s="1034"/>
      <c r="AL34" s="1034"/>
      <c r="AM34" s="1034"/>
      <c r="AN34" s="1034"/>
      <c r="AO34" s="1035"/>
      <c r="AP34" s="774"/>
      <c r="AQ34" s="1037"/>
      <c r="AR34" s="1037"/>
      <c r="AS34" s="1037"/>
      <c r="AT34" s="1037"/>
      <c r="AU34" s="1037"/>
      <c r="AV34" s="1037"/>
      <c r="AW34" s="1037"/>
      <c r="AX34" s="1037"/>
      <c r="AY34" s="1037"/>
      <c r="AZ34" s="1037"/>
      <c r="BA34" s="1037"/>
      <c r="BB34" s="1037"/>
      <c r="BC34" s="1037"/>
      <c r="BD34" s="1011" t="s">
        <v>71</v>
      </c>
      <c r="BE34" s="1012"/>
      <c r="BF34" s="1012"/>
      <c r="BG34" s="1012"/>
      <c r="BH34" s="1012"/>
      <c r="BI34" s="1013"/>
      <c r="BJ34" s="775" t="s">
        <v>72</v>
      </c>
      <c r="BK34" s="775"/>
      <c r="BL34" s="775"/>
      <c r="BM34" s="775"/>
      <c r="BN34" s="775"/>
      <c r="BO34" s="775"/>
      <c r="BP34" s="775"/>
      <c r="BQ34" s="1042"/>
      <c r="BR34" s="968"/>
      <c r="BS34" s="898"/>
      <c r="BT34" s="898"/>
      <c r="BU34" s="898"/>
      <c r="BV34" s="898"/>
      <c r="BW34" s="898"/>
      <c r="BX34" s="898"/>
      <c r="BY34" s="898"/>
      <c r="BZ34" s="826"/>
      <c r="CA34" s="860"/>
    </row>
    <row r="35" spans="1:84" ht="8.25" customHeight="1" x14ac:dyDescent="0.2">
      <c r="A35" s="869"/>
      <c r="B35" s="870"/>
      <c r="C35" s="871"/>
      <c r="D35" s="293"/>
      <c r="E35" s="9"/>
      <c r="F35" s="772" t="s">
        <v>73</v>
      </c>
      <c r="G35" s="772"/>
      <c r="H35" s="772"/>
      <c r="I35" s="772"/>
      <c r="J35" s="772"/>
      <c r="K35" s="772"/>
      <c r="L35" s="772"/>
      <c r="M35" s="772"/>
      <c r="N35" s="772"/>
      <c r="O35" s="772"/>
      <c r="P35" s="772"/>
      <c r="Q35" s="772"/>
      <c r="R35" s="9"/>
      <c r="S35" s="303"/>
      <c r="T35" s="911" t="s">
        <v>74</v>
      </c>
      <c r="U35" s="818"/>
      <c r="V35" s="824"/>
      <c r="W35" s="891" t="s">
        <v>75</v>
      </c>
      <c r="X35" s="913"/>
      <c r="Y35" s="1036" t="s">
        <v>76</v>
      </c>
      <c r="Z35" s="1036"/>
      <c r="AA35" s="1008"/>
      <c r="AB35" s="1060" t="s">
        <v>75</v>
      </c>
      <c r="AC35" s="1061"/>
      <c r="AD35" s="1028" t="s">
        <v>77</v>
      </c>
      <c r="AE35" s="1029"/>
      <c r="AF35" s="1029"/>
      <c r="AG35" s="1029"/>
      <c r="AH35" s="1029"/>
      <c r="AI35" s="1029"/>
      <c r="AJ35" s="1029"/>
      <c r="AK35" s="1030"/>
      <c r="AL35" s="1023" t="s">
        <v>189</v>
      </c>
      <c r="AM35" s="1024"/>
      <c r="AN35" s="1024"/>
      <c r="AO35" s="1024"/>
      <c r="AP35" s="1041" t="s">
        <v>78</v>
      </c>
      <c r="AQ35" s="1036" t="s">
        <v>79</v>
      </c>
      <c r="AR35" s="1036"/>
      <c r="AS35" s="1036"/>
      <c r="AT35" s="1036"/>
      <c r="AU35" s="1036"/>
      <c r="AV35" s="1036"/>
      <c r="AW35" s="1036"/>
      <c r="AX35" s="1036"/>
      <c r="AY35" s="1036"/>
      <c r="AZ35" s="1036"/>
      <c r="BA35" s="1036"/>
      <c r="BB35" s="1036"/>
      <c r="BC35" s="1036"/>
      <c r="BD35" s="1017" t="s">
        <v>80</v>
      </c>
      <c r="BE35" s="1019" t="s">
        <v>81</v>
      </c>
      <c r="BF35" s="1052" t="s">
        <v>82</v>
      </c>
      <c r="BG35" s="1019" t="s">
        <v>78</v>
      </c>
      <c r="BH35" s="857" t="s">
        <v>219</v>
      </c>
      <c r="BI35" s="1021" t="s">
        <v>83</v>
      </c>
      <c r="BJ35" s="775"/>
      <c r="BK35" s="775"/>
      <c r="BL35" s="775"/>
      <c r="BM35" s="775"/>
      <c r="BN35" s="775"/>
      <c r="BO35" s="775"/>
      <c r="BP35" s="775"/>
      <c r="BQ35" s="1042"/>
      <c r="BR35" s="816" t="s">
        <v>78</v>
      </c>
      <c r="BS35" s="818" t="s">
        <v>106</v>
      </c>
      <c r="BT35" s="896"/>
      <c r="BU35" s="896"/>
      <c r="BV35" s="896"/>
      <c r="BW35" s="896"/>
      <c r="BX35" s="896"/>
      <c r="BY35" s="896"/>
      <c r="BZ35" s="826"/>
      <c r="CA35" s="860"/>
    </row>
    <row r="36" spans="1:84" ht="8.25" customHeight="1" x14ac:dyDescent="0.2">
      <c r="A36" s="869"/>
      <c r="B36" s="870"/>
      <c r="C36" s="871"/>
      <c r="D36" s="293"/>
      <c r="E36" s="9"/>
      <c r="F36" s="772"/>
      <c r="G36" s="772"/>
      <c r="H36" s="772"/>
      <c r="I36" s="772"/>
      <c r="J36" s="772"/>
      <c r="K36" s="772"/>
      <c r="L36" s="772"/>
      <c r="M36" s="772"/>
      <c r="N36" s="772"/>
      <c r="O36" s="772"/>
      <c r="P36" s="772"/>
      <c r="Q36" s="772"/>
      <c r="R36" s="9"/>
      <c r="S36" s="303"/>
      <c r="T36" s="912"/>
      <c r="U36" s="772"/>
      <c r="V36" s="773"/>
      <c r="W36" s="893"/>
      <c r="X36" s="914"/>
      <c r="Y36" s="775"/>
      <c r="Z36" s="775"/>
      <c r="AA36" s="776"/>
      <c r="AB36" s="1062"/>
      <c r="AC36" s="1063"/>
      <c r="AD36" s="780"/>
      <c r="AE36" s="781"/>
      <c r="AF36" s="781"/>
      <c r="AG36" s="781"/>
      <c r="AH36" s="781"/>
      <c r="AI36" s="781"/>
      <c r="AJ36" s="781"/>
      <c r="AK36" s="782"/>
      <c r="AL36" s="1025"/>
      <c r="AM36" s="1026"/>
      <c r="AN36" s="1026"/>
      <c r="AO36" s="1027"/>
      <c r="AP36" s="1042"/>
      <c r="AQ36" s="775"/>
      <c r="AR36" s="775"/>
      <c r="AS36" s="775"/>
      <c r="AT36" s="775"/>
      <c r="AU36" s="775"/>
      <c r="AV36" s="775"/>
      <c r="AW36" s="775"/>
      <c r="AX36" s="775"/>
      <c r="AY36" s="775"/>
      <c r="AZ36" s="775"/>
      <c r="BA36" s="775"/>
      <c r="BB36" s="775"/>
      <c r="BC36" s="775"/>
      <c r="BD36" s="1018"/>
      <c r="BE36" s="1020"/>
      <c r="BF36" s="1053"/>
      <c r="BG36" s="1020"/>
      <c r="BH36" s="858"/>
      <c r="BI36" s="1022"/>
      <c r="BJ36" s="775" t="s">
        <v>85</v>
      </c>
      <c r="BK36" s="775"/>
      <c r="BL36" s="775"/>
      <c r="BM36" s="775"/>
      <c r="BN36" s="775"/>
      <c r="BO36" s="775"/>
      <c r="BP36" s="775"/>
      <c r="BQ36" s="1042"/>
      <c r="BR36" s="983"/>
      <c r="BS36" s="968"/>
      <c r="BT36" s="965"/>
      <c r="BU36" s="965"/>
      <c r="BV36" s="965"/>
      <c r="BW36" s="965"/>
      <c r="BX36" s="965"/>
      <c r="BY36" s="968"/>
      <c r="BZ36" s="826"/>
      <c r="CA36" s="860"/>
    </row>
    <row r="37" spans="1:84" ht="8.25" customHeight="1" x14ac:dyDescent="0.2">
      <c r="A37" s="869"/>
      <c r="B37" s="870"/>
      <c r="C37" s="871"/>
      <c r="D37" s="293"/>
      <c r="E37" s="9"/>
      <c r="F37" s="9"/>
      <c r="G37" s="9"/>
      <c r="H37" s="9"/>
      <c r="I37" s="9"/>
      <c r="J37" s="9"/>
      <c r="K37" s="9"/>
      <c r="L37" s="9"/>
      <c r="M37" s="9"/>
      <c r="N37" s="9"/>
      <c r="O37" s="9"/>
      <c r="P37" s="9"/>
      <c r="Q37" s="9"/>
      <c r="R37" s="9"/>
      <c r="S37" s="303"/>
      <c r="T37" s="912"/>
      <c r="U37" s="772"/>
      <c r="V37" s="773"/>
      <c r="W37" s="893"/>
      <c r="X37" s="914"/>
      <c r="Y37" s="775"/>
      <c r="Z37" s="775"/>
      <c r="AA37" s="776"/>
      <c r="AB37" s="1062"/>
      <c r="AC37" s="1063"/>
      <c r="AD37" s="780"/>
      <c r="AE37" s="781"/>
      <c r="AF37" s="781"/>
      <c r="AG37" s="781"/>
      <c r="AH37" s="781"/>
      <c r="AI37" s="781"/>
      <c r="AJ37" s="781"/>
      <c r="AK37" s="782"/>
      <c r="AL37" s="1025"/>
      <c r="AM37" s="1026"/>
      <c r="AN37" s="1026"/>
      <c r="AO37" s="1027"/>
      <c r="AP37" s="1042"/>
      <c r="AQ37" s="775"/>
      <c r="AR37" s="775"/>
      <c r="AS37" s="775"/>
      <c r="AT37" s="775"/>
      <c r="AU37" s="775"/>
      <c r="AV37" s="775"/>
      <c r="AW37" s="775"/>
      <c r="AX37" s="775"/>
      <c r="AY37" s="775"/>
      <c r="AZ37" s="775"/>
      <c r="BA37" s="775"/>
      <c r="BB37" s="775"/>
      <c r="BC37" s="775"/>
      <c r="BD37" s="1018"/>
      <c r="BE37" s="1020"/>
      <c r="BF37" s="1053"/>
      <c r="BG37" s="1020"/>
      <c r="BH37" s="858"/>
      <c r="BI37" s="1022"/>
      <c r="BJ37" s="775"/>
      <c r="BK37" s="775"/>
      <c r="BL37" s="775"/>
      <c r="BM37" s="775"/>
      <c r="BN37" s="775"/>
      <c r="BO37" s="775"/>
      <c r="BP37" s="775"/>
      <c r="BQ37" s="1042"/>
      <c r="BR37" s="983"/>
      <c r="BS37" s="968"/>
      <c r="BT37" s="965"/>
      <c r="BU37" s="965"/>
      <c r="BV37" s="965"/>
      <c r="BW37" s="965"/>
      <c r="BX37" s="965"/>
      <c r="BY37" s="968"/>
      <c r="BZ37" s="826"/>
      <c r="CA37" s="860"/>
    </row>
    <row r="38" spans="1:84" ht="8.25" hidden="1" customHeight="1" x14ac:dyDescent="0.2">
      <c r="A38" s="12">
        <v>8</v>
      </c>
      <c r="B38" s="14"/>
      <c r="C38" s="13">
        <v>10</v>
      </c>
      <c r="D38" s="294">
        <v>13</v>
      </c>
      <c r="E38" s="14"/>
      <c r="F38" s="14"/>
      <c r="G38" s="14"/>
      <c r="H38" s="14"/>
      <c r="I38" s="14"/>
      <c r="J38" s="14"/>
      <c r="K38" s="14"/>
      <c r="L38" s="14"/>
      <c r="M38" s="14"/>
      <c r="N38" s="14"/>
      <c r="O38" s="14"/>
      <c r="P38" s="14"/>
      <c r="Q38" s="14"/>
      <c r="R38" s="14"/>
      <c r="S38" s="295">
        <v>28</v>
      </c>
      <c r="T38" s="296"/>
      <c r="U38" s="288"/>
      <c r="V38" s="288"/>
      <c r="W38" s="12">
        <v>29</v>
      </c>
      <c r="X38" s="295">
        <v>30</v>
      </c>
      <c r="Y38" s="364"/>
      <c r="Z38" s="364"/>
      <c r="AA38" s="364"/>
      <c r="AB38" s="355">
        <v>31</v>
      </c>
      <c r="AC38" s="356">
        <v>32</v>
      </c>
      <c r="AD38" s="365"/>
      <c r="AE38" s="365"/>
      <c r="AF38" s="365"/>
      <c r="AG38" s="365"/>
      <c r="AH38" s="366"/>
      <c r="AI38" s="364"/>
      <c r="AJ38" s="364"/>
      <c r="AK38" s="367"/>
      <c r="AL38" s="1076" t="s">
        <v>104</v>
      </c>
      <c r="AM38" s="1077"/>
      <c r="AN38" s="1077"/>
      <c r="AO38" s="1077"/>
      <c r="AP38" s="368">
        <v>33</v>
      </c>
      <c r="AQ38" s="358">
        <v>34</v>
      </c>
      <c r="AR38" s="359"/>
      <c r="AS38" s="360">
        <v>36</v>
      </c>
      <c r="AT38" s="359"/>
      <c r="AU38" s="358">
        <v>37</v>
      </c>
      <c r="AV38" s="359"/>
      <c r="AW38" s="360">
        <v>39</v>
      </c>
      <c r="AX38" s="359"/>
      <c r="AY38" s="358">
        <v>40</v>
      </c>
      <c r="AZ38" s="359"/>
      <c r="BA38" s="359"/>
      <c r="BB38" s="359"/>
      <c r="BC38" s="360">
        <v>44</v>
      </c>
      <c r="BD38" s="1002">
        <v>45</v>
      </c>
      <c r="BE38" s="1003"/>
      <c r="BF38" s="1004">
        <v>46</v>
      </c>
      <c r="BG38" s="1003"/>
      <c r="BH38" s="355">
        <v>47</v>
      </c>
      <c r="BI38" s="357">
        <v>48</v>
      </c>
      <c r="BJ38" s="352"/>
      <c r="BK38" s="352"/>
      <c r="BL38" s="352"/>
      <c r="BM38" s="352"/>
      <c r="BN38" s="352"/>
      <c r="BO38" s="352"/>
      <c r="BP38" s="352"/>
      <c r="BQ38" s="368">
        <v>49</v>
      </c>
      <c r="BR38" s="297">
        <v>50</v>
      </c>
      <c r="BS38" s="287"/>
      <c r="BT38" s="287"/>
      <c r="BU38" s="287"/>
      <c r="BV38" s="287"/>
      <c r="BW38" s="287"/>
      <c r="BX38" s="287"/>
      <c r="BY38" s="287"/>
      <c r="BZ38" s="796">
        <v>51</v>
      </c>
      <c r="CA38" s="861"/>
    </row>
    <row r="39" spans="1:84" ht="8.25" customHeight="1" x14ac:dyDescent="0.2">
      <c r="A39" s="844"/>
      <c r="B39" s="938"/>
      <c r="C39" s="847"/>
      <c r="D39" s="944"/>
      <c r="E39" s="915"/>
      <c r="F39" s="915"/>
      <c r="G39" s="915"/>
      <c r="H39" s="915"/>
      <c r="I39" s="915"/>
      <c r="J39" s="915"/>
      <c r="K39" s="915"/>
      <c r="L39" s="915"/>
      <c r="M39" s="915"/>
      <c r="N39" s="915"/>
      <c r="O39" s="915"/>
      <c r="P39" s="915"/>
      <c r="Q39" s="915"/>
      <c r="R39" s="915"/>
      <c r="S39" s="988"/>
      <c r="T39" s="947"/>
      <c r="U39" s="924"/>
      <c r="V39" s="925"/>
      <c r="W39" s="844"/>
      <c r="X39" s="941"/>
      <c r="Y39" s="1064"/>
      <c r="Z39" s="1064"/>
      <c r="AA39" s="1065"/>
      <c r="AB39" s="1070"/>
      <c r="AC39" s="1073"/>
      <c r="AD39" s="1060"/>
      <c r="AE39" s="1101"/>
      <c r="AF39" s="1101"/>
      <c r="AG39" s="1101"/>
      <c r="AH39" s="1101"/>
      <c r="AI39" s="1101"/>
      <c r="AJ39" s="1101"/>
      <c r="AK39" s="1061"/>
      <c r="AL39" s="1093"/>
      <c r="AM39" s="1024"/>
      <c r="AN39" s="1024"/>
      <c r="AO39" s="1024"/>
      <c r="AP39" s="1084"/>
      <c r="AQ39" s="1111"/>
      <c r="AR39" s="1014"/>
      <c r="AS39" s="1095"/>
      <c r="AT39" s="369"/>
      <c r="AU39" s="1090"/>
      <c r="AV39" s="1014"/>
      <c r="AW39" s="1095"/>
      <c r="AX39" s="369"/>
      <c r="AY39" s="1090"/>
      <c r="AZ39" s="1014"/>
      <c r="BA39" s="1014"/>
      <c r="BB39" s="1014"/>
      <c r="BC39" s="1078"/>
      <c r="BD39" s="1106"/>
      <c r="BE39" s="1081"/>
      <c r="BF39" s="1043"/>
      <c r="BG39" s="1081"/>
      <c r="BH39" s="1043"/>
      <c r="BI39" s="1044"/>
      <c r="BJ39" s="1049"/>
      <c r="BK39" s="1049"/>
      <c r="BL39" s="1049"/>
      <c r="BM39" s="1049"/>
      <c r="BN39" s="1049"/>
      <c r="BO39" s="1049"/>
      <c r="BP39" s="1049"/>
      <c r="BQ39" s="1084"/>
      <c r="BR39" s="298"/>
      <c r="BS39" s="792"/>
      <c r="BT39" s="896"/>
      <c r="BU39" s="896"/>
      <c r="BV39" s="896"/>
      <c r="BW39" s="896"/>
      <c r="BX39" s="896"/>
      <c r="BY39" s="896"/>
      <c r="BZ39" s="827"/>
      <c r="CA39" s="806"/>
    </row>
    <row r="40" spans="1:84" ht="8.25" customHeight="1" x14ac:dyDescent="0.2">
      <c r="A40" s="845"/>
      <c r="B40" s="939"/>
      <c r="C40" s="848"/>
      <c r="D40" s="945"/>
      <c r="E40" s="916"/>
      <c r="F40" s="916"/>
      <c r="G40" s="916"/>
      <c r="H40" s="916"/>
      <c r="I40" s="916"/>
      <c r="J40" s="916"/>
      <c r="K40" s="916"/>
      <c r="L40" s="916"/>
      <c r="M40" s="916"/>
      <c r="N40" s="916"/>
      <c r="O40" s="916"/>
      <c r="P40" s="916"/>
      <c r="Q40" s="916"/>
      <c r="R40" s="916"/>
      <c r="S40" s="989"/>
      <c r="T40" s="948"/>
      <c r="U40" s="926"/>
      <c r="V40" s="927"/>
      <c r="W40" s="845"/>
      <c r="X40" s="942"/>
      <c r="Y40" s="1066"/>
      <c r="Z40" s="1066"/>
      <c r="AA40" s="1067"/>
      <c r="AB40" s="1071"/>
      <c r="AC40" s="1074"/>
      <c r="AD40" s="1062"/>
      <c r="AE40" s="1102"/>
      <c r="AF40" s="1102"/>
      <c r="AG40" s="1102"/>
      <c r="AH40" s="1102"/>
      <c r="AI40" s="1102"/>
      <c r="AJ40" s="1102"/>
      <c r="AK40" s="1063"/>
      <c r="AL40" s="1025"/>
      <c r="AM40" s="1026"/>
      <c r="AN40" s="1026"/>
      <c r="AO40" s="1027"/>
      <c r="AP40" s="1085"/>
      <c r="AQ40" s="1112"/>
      <c r="AR40" s="1015"/>
      <c r="AS40" s="1096"/>
      <c r="AT40" s="370" t="s">
        <v>86</v>
      </c>
      <c r="AU40" s="1091"/>
      <c r="AV40" s="1015"/>
      <c r="AW40" s="1096"/>
      <c r="AX40" s="370" t="s">
        <v>86</v>
      </c>
      <c r="AY40" s="1091"/>
      <c r="AZ40" s="1015"/>
      <c r="BA40" s="1015"/>
      <c r="BB40" s="1015"/>
      <c r="BC40" s="1079"/>
      <c r="BD40" s="1107"/>
      <c r="BE40" s="1082"/>
      <c r="BF40" s="1045"/>
      <c r="BG40" s="1082"/>
      <c r="BH40" s="1045"/>
      <c r="BI40" s="1046"/>
      <c r="BJ40" s="1050"/>
      <c r="BK40" s="1050"/>
      <c r="BL40" s="1050"/>
      <c r="BM40" s="1050"/>
      <c r="BN40" s="1050"/>
      <c r="BO40" s="1050"/>
      <c r="BP40" s="1050"/>
      <c r="BQ40" s="1085"/>
      <c r="BR40" s="299"/>
      <c r="BS40" s="968"/>
      <c r="BT40" s="965"/>
      <c r="BU40" s="965"/>
      <c r="BV40" s="965"/>
      <c r="BW40" s="965"/>
      <c r="BX40" s="965"/>
      <c r="BY40" s="968"/>
      <c r="BZ40" s="828"/>
      <c r="CA40" s="808"/>
    </row>
    <row r="41" spans="1:84" ht="8.25" customHeight="1" thickBot="1" x14ac:dyDescent="0.25">
      <c r="A41" s="846"/>
      <c r="B41" s="940"/>
      <c r="C41" s="849"/>
      <c r="D41" s="946"/>
      <c r="E41" s="917"/>
      <c r="F41" s="917"/>
      <c r="G41" s="917"/>
      <c r="H41" s="917"/>
      <c r="I41" s="917"/>
      <c r="J41" s="917"/>
      <c r="K41" s="917"/>
      <c r="L41" s="917"/>
      <c r="M41" s="917"/>
      <c r="N41" s="917"/>
      <c r="O41" s="917"/>
      <c r="P41" s="917"/>
      <c r="Q41" s="917"/>
      <c r="R41" s="917"/>
      <c r="S41" s="990"/>
      <c r="T41" s="949"/>
      <c r="U41" s="950"/>
      <c r="V41" s="951"/>
      <c r="W41" s="952"/>
      <c r="X41" s="943"/>
      <c r="Y41" s="1068"/>
      <c r="Z41" s="1068"/>
      <c r="AA41" s="1069"/>
      <c r="AB41" s="1072"/>
      <c r="AC41" s="1075"/>
      <c r="AD41" s="1103"/>
      <c r="AE41" s="1104"/>
      <c r="AF41" s="1104"/>
      <c r="AG41" s="1104"/>
      <c r="AH41" s="1104"/>
      <c r="AI41" s="1104"/>
      <c r="AJ41" s="1104"/>
      <c r="AK41" s="1105"/>
      <c r="AL41" s="1094"/>
      <c r="AM41" s="1077"/>
      <c r="AN41" s="1077"/>
      <c r="AO41" s="1077"/>
      <c r="AP41" s="1086"/>
      <c r="AQ41" s="1113"/>
      <c r="AR41" s="1016"/>
      <c r="AS41" s="1109"/>
      <c r="AT41" s="371"/>
      <c r="AU41" s="1110"/>
      <c r="AV41" s="1016"/>
      <c r="AW41" s="1109"/>
      <c r="AX41" s="371"/>
      <c r="AY41" s="1110"/>
      <c r="AZ41" s="1016"/>
      <c r="BA41" s="1016"/>
      <c r="BB41" s="1016"/>
      <c r="BC41" s="1080"/>
      <c r="BD41" s="1108"/>
      <c r="BE41" s="1083"/>
      <c r="BF41" s="1047"/>
      <c r="BG41" s="1083"/>
      <c r="BH41" s="1047"/>
      <c r="BI41" s="1048"/>
      <c r="BJ41" s="1051"/>
      <c r="BK41" s="1051"/>
      <c r="BL41" s="1051"/>
      <c r="BM41" s="1051"/>
      <c r="BN41" s="1051"/>
      <c r="BO41" s="1051"/>
      <c r="BP41" s="1051"/>
      <c r="BQ41" s="1086"/>
      <c r="BR41" s="300"/>
      <c r="BS41" s="898"/>
      <c r="BT41" s="898"/>
      <c r="BU41" s="898"/>
      <c r="BV41" s="898"/>
      <c r="BW41" s="898"/>
      <c r="BX41" s="898"/>
      <c r="BY41" s="898"/>
      <c r="BZ41" s="829"/>
      <c r="CA41" s="810"/>
    </row>
    <row r="42" spans="1:84" ht="6" customHeight="1" thickBot="1" x14ac:dyDescent="0.25">
      <c r="Y42" s="363"/>
      <c r="Z42" s="363"/>
      <c r="AA42" s="363"/>
      <c r="AB42" s="363"/>
      <c r="AC42" s="363"/>
      <c r="AD42" s="363"/>
      <c r="AE42" s="363"/>
      <c r="AF42" s="363"/>
      <c r="AG42" s="363"/>
      <c r="AH42" s="363"/>
      <c r="AI42" s="363"/>
      <c r="AJ42" s="363"/>
      <c r="AK42" s="363"/>
      <c r="AL42" s="363"/>
      <c r="AM42" s="363"/>
      <c r="AN42" s="363"/>
      <c r="AO42" s="363"/>
      <c r="AP42" s="363"/>
      <c r="AQ42" s="363"/>
      <c r="AR42" s="363"/>
      <c r="AS42" s="363"/>
      <c r="AT42" s="363"/>
      <c r="AU42" s="363"/>
      <c r="AV42" s="363"/>
      <c r="AW42" s="363"/>
      <c r="AX42" s="363"/>
      <c r="AY42" s="363"/>
      <c r="AZ42" s="363"/>
      <c r="BA42" s="363"/>
      <c r="BB42" s="363"/>
      <c r="BC42" s="363"/>
      <c r="BD42" s="363"/>
      <c r="BE42" s="363"/>
      <c r="BF42" s="363"/>
      <c r="BG42" s="363"/>
      <c r="BH42" s="363"/>
      <c r="BI42" s="363"/>
      <c r="BJ42" s="363"/>
      <c r="BK42" s="363"/>
      <c r="BL42" s="363"/>
      <c r="BM42" s="363"/>
      <c r="BN42" s="363"/>
      <c r="BO42" s="363"/>
      <c r="BP42" s="363"/>
      <c r="BQ42" s="363"/>
    </row>
    <row r="43" spans="1:84" ht="8.25" customHeight="1" x14ac:dyDescent="0.2">
      <c r="D43" s="291"/>
      <c r="E43" s="292"/>
      <c r="F43" s="292"/>
      <c r="G43" s="292"/>
      <c r="H43" s="292"/>
      <c r="I43" s="292"/>
      <c r="J43" s="292"/>
      <c r="K43" s="292"/>
      <c r="L43" s="292"/>
      <c r="M43" s="292"/>
      <c r="N43" s="292"/>
      <c r="O43" s="292"/>
      <c r="P43" s="301"/>
      <c r="Q43" s="888" t="s">
        <v>87</v>
      </c>
      <c r="R43" s="872" t="s">
        <v>88</v>
      </c>
      <c r="S43" s="873"/>
      <c r="T43" s="873"/>
      <c r="U43" s="873"/>
      <c r="V43" s="873"/>
      <c r="W43" s="873"/>
      <c r="X43" s="874"/>
      <c r="Y43" s="1055" t="s">
        <v>89</v>
      </c>
      <c r="Z43" s="1056"/>
      <c r="AA43" s="1056"/>
      <c r="AB43" s="1056"/>
      <c r="AC43" s="1056"/>
      <c r="AD43" s="1056"/>
      <c r="AE43" s="1057"/>
      <c r="AF43" s="345"/>
      <c r="AG43" s="345"/>
      <c r="AH43" s="345"/>
      <c r="AI43" s="345"/>
      <c r="AJ43" s="345"/>
      <c r="AK43" s="345"/>
      <c r="AL43" s="346"/>
      <c r="AM43" s="345"/>
      <c r="AN43" s="345"/>
      <c r="AO43" s="345"/>
      <c r="AP43" s="345"/>
      <c r="AQ43" s="345"/>
      <c r="AR43" s="345"/>
      <c r="AS43" s="347"/>
      <c r="AT43" s="345"/>
      <c r="AU43" s="345"/>
      <c r="AV43" s="345"/>
      <c r="AW43" s="345"/>
      <c r="AX43" s="346"/>
      <c r="AY43" s="345"/>
      <c r="AZ43" s="345"/>
      <c r="BA43" s="345"/>
      <c r="BB43" s="345"/>
      <c r="BC43" s="345"/>
      <c r="BD43" s="346"/>
      <c r="BE43" s="345"/>
      <c r="BF43" s="345"/>
      <c r="BG43" s="345"/>
      <c r="BH43" s="345"/>
      <c r="BI43" s="345"/>
      <c r="BJ43" s="346"/>
      <c r="BK43" s="347"/>
      <c r="BL43" s="345"/>
      <c r="BM43" s="345"/>
      <c r="BN43" s="345"/>
      <c r="BO43" s="345"/>
      <c r="BP43" s="345"/>
      <c r="BQ43" s="345"/>
      <c r="BR43" s="15"/>
      <c r="BS43" s="7"/>
      <c r="BT43" s="7"/>
      <c r="BU43" s="7"/>
      <c r="BV43" s="7"/>
      <c r="BW43" s="7"/>
      <c r="BX43" s="7"/>
      <c r="BY43" s="8"/>
      <c r="BZ43" s="766" t="s">
        <v>90</v>
      </c>
      <c r="CA43" s="32"/>
      <c r="CB43" s="32"/>
    </row>
    <row r="44" spans="1:84" ht="8.25" customHeight="1" x14ac:dyDescent="0.2">
      <c r="D44" s="293"/>
      <c r="E44" s="9"/>
      <c r="F44" s="9"/>
      <c r="G44" s="9"/>
      <c r="H44" s="9"/>
      <c r="I44" s="9"/>
      <c r="J44" s="9"/>
      <c r="K44" s="9"/>
      <c r="L44" s="9"/>
      <c r="M44" s="9"/>
      <c r="N44" s="9"/>
      <c r="O44" s="9"/>
      <c r="P44" s="10"/>
      <c r="Q44" s="889"/>
      <c r="R44" s="875"/>
      <c r="S44" s="819"/>
      <c r="T44" s="819"/>
      <c r="U44" s="819"/>
      <c r="V44" s="819"/>
      <c r="W44" s="819"/>
      <c r="X44" s="876"/>
      <c r="Y44" s="1058"/>
      <c r="Z44" s="1037"/>
      <c r="AA44" s="1037"/>
      <c r="AB44" s="1037"/>
      <c r="AC44" s="1037"/>
      <c r="AD44" s="1037"/>
      <c r="AE44" s="1059"/>
      <c r="AF44" s="775" t="s">
        <v>91</v>
      </c>
      <c r="AG44" s="775"/>
      <c r="AH44" s="775"/>
      <c r="AI44" s="775"/>
      <c r="AJ44" s="775"/>
      <c r="AK44" s="775"/>
      <c r="AL44" s="776"/>
      <c r="AM44" s="774" t="s">
        <v>218</v>
      </c>
      <c r="AN44" s="775"/>
      <c r="AO44" s="775"/>
      <c r="AP44" s="775"/>
      <c r="AQ44" s="775"/>
      <c r="AR44" s="776"/>
      <c r="AS44" s="348"/>
      <c r="AT44" s="349"/>
      <c r="AU44" s="349"/>
      <c r="AV44" s="349"/>
      <c r="AW44" s="349"/>
      <c r="AX44" s="350"/>
      <c r="AY44" s="349"/>
      <c r="AZ44" s="349"/>
      <c r="BA44" s="349"/>
      <c r="BB44" s="349"/>
      <c r="BC44" s="349"/>
      <c r="BD44" s="350"/>
      <c r="BE44" s="349"/>
      <c r="BF44" s="349"/>
      <c r="BG44" s="349"/>
      <c r="BH44" s="349"/>
      <c r="BI44" s="349"/>
      <c r="BJ44" s="350"/>
      <c r="BK44" s="348"/>
      <c r="BL44" s="349"/>
      <c r="BM44" s="349"/>
      <c r="BN44" s="349"/>
      <c r="BO44" s="349"/>
      <c r="BP44" s="349"/>
      <c r="BQ44" s="349"/>
      <c r="BR44" s="771" t="s">
        <v>92</v>
      </c>
      <c r="BS44" s="772"/>
      <c r="BT44" s="772"/>
      <c r="BU44" s="772"/>
      <c r="BV44" s="772"/>
      <c r="BW44" s="772"/>
      <c r="BX44" s="772"/>
      <c r="BY44" s="773"/>
      <c r="BZ44" s="767"/>
      <c r="CA44" s="32"/>
      <c r="CB44" s="32"/>
    </row>
    <row r="45" spans="1:84" ht="8.25" customHeight="1" x14ac:dyDescent="0.2">
      <c r="D45" s="293"/>
      <c r="E45" s="870" t="s">
        <v>93</v>
      </c>
      <c r="F45" s="772"/>
      <c r="G45" s="772"/>
      <c r="H45" s="772"/>
      <c r="I45" s="772"/>
      <c r="J45" s="772"/>
      <c r="K45" s="772"/>
      <c r="L45" s="772"/>
      <c r="M45" s="772"/>
      <c r="N45" s="772"/>
      <c r="O45" s="772"/>
      <c r="P45" s="10"/>
      <c r="Q45" s="889"/>
      <c r="R45" s="831" t="s">
        <v>94</v>
      </c>
      <c r="S45" s="823" t="s">
        <v>95</v>
      </c>
      <c r="T45" s="824"/>
      <c r="U45" s="823" t="s">
        <v>96</v>
      </c>
      <c r="V45" s="824"/>
      <c r="W45" s="823" t="s">
        <v>97</v>
      </c>
      <c r="X45" s="824"/>
      <c r="Y45" s="1005" t="s">
        <v>94</v>
      </c>
      <c r="Z45" s="1007" t="s">
        <v>95</v>
      </c>
      <c r="AA45" s="1008"/>
      <c r="AB45" s="1007" t="s">
        <v>96</v>
      </c>
      <c r="AC45" s="1008"/>
      <c r="AD45" s="1007" t="s">
        <v>97</v>
      </c>
      <c r="AE45" s="1009"/>
      <c r="AF45" s="775"/>
      <c r="AG45" s="775"/>
      <c r="AH45" s="775"/>
      <c r="AI45" s="775"/>
      <c r="AJ45" s="775"/>
      <c r="AK45" s="775"/>
      <c r="AL45" s="776"/>
      <c r="AM45" s="774"/>
      <c r="AN45" s="775"/>
      <c r="AO45" s="775"/>
      <c r="AP45" s="775"/>
      <c r="AQ45" s="775"/>
      <c r="AR45" s="776"/>
      <c r="AS45" s="774" t="s">
        <v>98</v>
      </c>
      <c r="AT45" s="775"/>
      <c r="AU45" s="775"/>
      <c r="AV45" s="775"/>
      <c r="AW45" s="775"/>
      <c r="AX45" s="776"/>
      <c r="AY45" s="777" t="s">
        <v>216</v>
      </c>
      <c r="AZ45" s="778"/>
      <c r="BA45" s="778"/>
      <c r="BB45" s="778"/>
      <c r="BC45" s="778"/>
      <c r="BD45" s="779"/>
      <c r="BE45" s="780" t="s">
        <v>217</v>
      </c>
      <c r="BF45" s="781"/>
      <c r="BG45" s="781"/>
      <c r="BH45" s="781"/>
      <c r="BI45" s="781"/>
      <c r="BJ45" s="782"/>
      <c r="BK45" s="774" t="s">
        <v>99</v>
      </c>
      <c r="BL45" s="775"/>
      <c r="BM45" s="775"/>
      <c r="BN45" s="775"/>
      <c r="BO45" s="775"/>
      <c r="BP45" s="775"/>
      <c r="BQ45" s="776"/>
      <c r="BR45" s="771"/>
      <c r="BS45" s="772"/>
      <c r="BT45" s="772"/>
      <c r="BU45" s="772"/>
      <c r="BV45" s="772"/>
      <c r="BW45" s="772"/>
      <c r="BX45" s="772"/>
      <c r="BY45" s="773"/>
      <c r="BZ45" s="767"/>
      <c r="CA45" s="32"/>
      <c r="CB45" s="32"/>
    </row>
    <row r="46" spans="1:84" ht="13.95" customHeight="1" x14ac:dyDescent="0.2">
      <c r="D46" s="293"/>
      <c r="E46" s="772"/>
      <c r="F46" s="772"/>
      <c r="G46" s="772"/>
      <c r="H46" s="772"/>
      <c r="I46" s="772"/>
      <c r="J46" s="772"/>
      <c r="K46" s="772"/>
      <c r="L46" s="772"/>
      <c r="M46" s="772"/>
      <c r="N46" s="772"/>
      <c r="O46" s="772"/>
      <c r="P46" s="10"/>
      <c r="Q46" s="889"/>
      <c r="R46" s="832"/>
      <c r="S46" s="771"/>
      <c r="T46" s="773"/>
      <c r="U46" s="771"/>
      <c r="V46" s="773"/>
      <c r="W46" s="771"/>
      <c r="X46" s="773"/>
      <c r="Y46" s="1006"/>
      <c r="Z46" s="774"/>
      <c r="AA46" s="776"/>
      <c r="AB46" s="774"/>
      <c r="AC46" s="776"/>
      <c r="AD46" s="774"/>
      <c r="AE46" s="1010"/>
      <c r="AF46" s="775" t="s">
        <v>100</v>
      </c>
      <c r="AG46" s="775"/>
      <c r="AH46" s="775"/>
      <c r="AI46" s="775"/>
      <c r="AJ46" s="775"/>
      <c r="AK46" s="775"/>
      <c r="AL46" s="776"/>
      <c r="AM46" s="777" t="s">
        <v>220</v>
      </c>
      <c r="AN46" s="778"/>
      <c r="AO46" s="778"/>
      <c r="AP46" s="778"/>
      <c r="AQ46" s="778"/>
      <c r="AR46" s="779"/>
      <c r="AS46" s="774"/>
      <c r="AT46" s="775"/>
      <c r="AU46" s="775"/>
      <c r="AV46" s="775"/>
      <c r="AW46" s="775"/>
      <c r="AX46" s="776"/>
      <c r="AY46" s="777"/>
      <c r="AZ46" s="778"/>
      <c r="BA46" s="778"/>
      <c r="BB46" s="778"/>
      <c r="BC46" s="778"/>
      <c r="BD46" s="779"/>
      <c r="BE46" s="780"/>
      <c r="BF46" s="781"/>
      <c r="BG46" s="781"/>
      <c r="BH46" s="781"/>
      <c r="BI46" s="781"/>
      <c r="BJ46" s="782"/>
      <c r="BK46" s="774"/>
      <c r="BL46" s="775"/>
      <c r="BM46" s="775"/>
      <c r="BN46" s="775"/>
      <c r="BO46" s="775"/>
      <c r="BP46" s="775"/>
      <c r="BQ46" s="776"/>
      <c r="BR46" s="771" t="s">
        <v>101</v>
      </c>
      <c r="BS46" s="772"/>
      <c r="BT46" s="772"/>
      <c r="BU46" s="772"/>
      <c r="BV46" s="772"/>
      <c r="BW46" s="772"/>
      <c r="BX46" s="772"/>
      <c r="BY46" s="773"/>
      <c r="BZ46" s="767"/>
      <c r="CA46" s="32"/>
      <c r="CB46" s="32"/>
    </row>
    <row r="47" spans="1:84" ht="9" customHeight="1" x14ac:dyDescent="0.2">
      <c r="D47" s="293"/>
      <c r="E47" s="885" t="s">
        <v>139</v>
      </c>
      <c r="F47" s="886"/>
      <c r="G47" s="886"/>
      <c r="H47" s="886"/>
      <c r="I47" s="886"/>
      <c r="J47" s="886"/>
      <c r="K47" s="886"/>
      <c r="L47" s="886"/>
      <c r="M47" s="886"/>
      <c r="N47" s="886"/>
      <c r="O47" s="9"/>
      <c r="P47" s="10"/>
      <c r="Q47" s="889"/>
      <c r="R47" s="832"/>
      <c r="S47" s="771"/>
      <c r="T47" s="773"/>
      <c r="U47" s="771"/>
      <c r="V47" s="773"/>
      <c r="W47" s="771"/>
      <c r="X47" s="773"/>
      <c r="Y47" s="1006"/>
      <c r="Z47" s="774"/>
      <c r="AA47" s="776"/>
      <c r="AB47" s="774"/>
      <c r="AC47" s="776"/>
      <c r="AD47" s="774"/>
      <c r="AE47" s="1010"/>
      <c r="AF47" s="775"/>
      <c r="AG47" s="775"/>
      <c r="AH47" s="775"/>
      <c r="AI47" s="775"/>
      <c r="AJ47" s="775"/>
      <c r="AK47" s="775"/>
      <c r="AL47" s="776"/>
      <c r="AM47" s="777"/>
      <c r="AN47" s="778"/>
      <c r="AO47" s="778"/>
      <c r="AP47" s="778"/>
      <c r="AQ47" s="778"/>
      <c r="AR47" s="779"/>
      <c r="AS47" s="351"/>
      <c r="AT47" s="352"/>
      <c r="AU47" s="352"/>
      <c r="AV47" s="352"/>
      <c r="AW47" s="352"/>
      <c r="AX47" s="353"/>
      <c r="AY47" s="349"/>
      <c r="AZ47" s="349"/>
      <c r="BA47" s="349"/>
      <c r="BB47" s="349"/>
      <c r="BC47" s="349"/>
      <c r="BD47" s="350"/>
      <c r="BE47" s="349"/>
      <c r="BF47" s="349"/>
      <c r="BG47" s="349"/>
      <c r="BH47" s="349"/>
      <c r="BI47" s="349"/>
      <c r="BJ47" s="350"/>
      <c r="BK47" s="348"/>
      <c r="BL47" s="349"/>
      <c r="BM47" s="349"/>
      <c r="BN47" s="349"/>
      <c r="BO47" s="349"/>
      <c r="BP47" s="349"/>
      <c r="BQ47" s="349"/>
      <c r="BR47" s="771"/>
      <c r="BS47" s="772"/>
      <c r="BT47" s="772"/>
      <c r="BU47" s="772"/>
      <c r="BV47" s="772"/>
      <c r="BW47" s="772"/>
      <c r="BX47" s="772"/>
      <c r="BY47" s="773"/>
      <c r="BZ47" s="767"/>
      <c r="CA47" s="32"/>
      <c r="CB47" s="32"/>
    </row>
    <row r="48" spans="1:84" ht="0.45" customHeight="1" x14ac:dyDescent="0.2">
      <c r="D48" s="294">
        <v>13</v>
      </c>
      <c r="E48" s="887"/>
      <c r="F48" s="887"/>
      <c r="G48" s="887"/>
      <c r="H48" s="887"/>
      <c r="I48" s="887"/>
      <c r="J48" s="887"/>
      <c r="K48" s="887"/>
      <c r="L48" s="887"/>
      <c r="M48" s="887"/>
      <c r="N48" s="887"/>
      <c r="O48" s="14"/>
      <c r="P48" s="13">
        <v>25</v>
      </c>
      <c r="Q48" s="342">
        <v>26</v>
      </c>
      <c r="R48" s="26">
        <v>27</v>
      </c>
      <c r="S48" s="12">
        <v>28</v>
      </c>
      <c r="T48" s="13">
        <v>29</v>
      </c>
      <c r="U48" s="12">
        <v>30</v>
      </c>
      <c r="V48" s="13">
        <v>31</v>
      </c>
      <c r="W48" s="12">
        <v>32</v>
      </c>
      <c r="X48" s="13">
        <v>33</v>
      </c>
      <c r="Y48" s="354">
        <v>34</v>
      </c>
      <c r="Z48" s="355">
        <v>35</v>
      </c>
      <c r="AA48" s="356">
        <v>36</v>
      </c>
      <c r="AB48" s="355">
        <v>37</v>
      </c>
      <c r="AC48" s="356">
        <v>38</v>
      </c>
      <c r="AD48" s="355">
        <v>39</v>
      </c>
      <c r="AE48" s="357">
        <v>40</v>
      </c>
      <c r="AF48" s="358">
        <v>41</v>
      </c>
      <c r="AG48" s="359"/>
      <c r="AH48" s="359"/>
      <c r="AI48" s="359"/>
      <c r="AJ48" s="359"/>
      <c r="AK48" s="359"/>
      <c r="AL48" s="356">
        <v>47</v>
      </c>
      <c r="AM48" s="360"/>
      <c r="AN48" s="360"/>
      <c r="AO48" s="360"/>
      <c r="AP48" s="360"/>
      <c r="AQ48" s="360"/>
      <c r="AR48" s="360"/>
      <c r="AS48" s="359"/>
      <c r="AT48" s="359"/>
      <c r="AU48" s="359"/>
      <c r="AV48" s="359"/>
      <c r="AW48" s="359"/>
      <c r="AX48" s="356">
        <v>54</v>
      </c>
      <c r="AY48" s="359"/>
      <c r="AZ48" s="359"/>
      <c r="BA48" s="359"/>
      <c r="BB48" s="359"/>
      <c r="BC48" s="359"/>
      <c r="BD48" s="356">
        <v>61</v>
      </c>
      <c r="BE48" s="359"/>
      <c r="BF48" s="359"/>
      <c r="BG48" s="359"/>
      <c r="BH48" s="359"/>
      <c r="BI48" s="359"/>
      <c r="BJ48" s="356">
        <v>68</v>
      </c>
      <c r="BK48" s="355">
        <v>69</v>
      </c>
      <c r="BL48" s="359"/>
      <c r="BM48" s="359"/>
      <c r="BN48" s="359"/>
      <c r="BO48" s="359"/>
      <c r="BP48" s="359"/>
      <c r="BQ48" s="360">
        <v>75</v>
      </c>
      <c r="BR48" s="12">
        <v>76</v>
      </c>
      <c r="BS48" s="27"/>
      <c r="BT48" s="27"/>
      <c r="BU48" s="27"/>
      <c r="BV48" s="27"/>
      <c r="BW48" s="27"/>
      <c r="BX48" s="24"/>
      <c r="BY48" s="13">
        <v>83</v>
      </c>
      <c r="BZ48" s="26">
        <v>84</v>
      </c>
      <c r="CA48" s="35"/>
      <c r="CB48" s="35"/>
      <c r="CC48" s="36"/>
      <c r="CD48" s="36"/>
      <c r="CE48" s="36"/>
      <c r="CF48" s="36"/>
    </row>
    <row r="49" spans="1:80" ht="8.25" customHeight="1" x14ac:dyDescent="0.2">
      <c r="D49" s="882"/>
      <c r="E49" s="799"/>
      <c r="F49" s="799"/>
      <c r="G49" s="799"/>
      <c r="H49" s="799"/>
      <c r="I49" s="799"/>
      <c r="J49" s="799"/>
      <c r="K49" s="799"/>
      <c r="L49" s="799"/>
      <c r="M49" s="799"/>
      <c r="N49" s="799"/>
      <c r="O49" s="799"/>
      <c r="P49" s="802"/>
      <c r="Q49" s="760"/>
      <c r="R49" s="760"/>
      <c r="S49" s="835"/>
      <c r="T49" s="802"/>
      <c r="U49" s="835"/>
      <c r="V49" s="802"/>
      <c r="W49" s="835"/>
      <c r="X49" s="802"/>
      <c r="Y49" s="1098"/>
      <c r="Z49" s="1090"/>
      <c r="AA49" s="1095"/>
      <c r="AB49" s="1090"/>
      <c r="AC49" s="1095"/>
      <c r="AD49" s="1090"/>
      <c r="AE49" s="1114"/>
      <c r="AF49" s="1087"/>
      <c r="AG49" s="996"/>
      <c r="AH49" s="993"/>
      <c r="AI49" s="361" t="s">
        <v>102</v>
      </c>
      <c r="AJ49" s="996"/>
      <c r="AK49" s="993"/>
      <c r="AL49" s="361" t="s">
        <v>103</v>
      </c>
      <c r="AM49" s="996"/>
      <c r="AN49" s="993"/>
      <c r="AO49" s="361" t="s">
        <v>102</v>
      </c>
      <c r="AP49" s="996"/>
      <c r="AQ49" s="993"/>
      <c r="AR49" s="361" t="s">
        <v>103</v>
      </c>
      <c r="AS49" s="996"/>
      <c r="AT49" s="993"/>
      <c r="AU49" s="361" t="s">
        <v>102</v>
      </c>
      <c r="AV49" s="996"/>
      <c r="AW49" s="993"/>
      <c r="AX49" s="361" t="s">
        <v>103</v>
      </c>
      <c r="AY49" s="996"/>
      <c r="AZ49" s="993"/>
      <c r="BA49" s="361" t="s">
        <v>102</v>
      </c>
      <c r="BB49" s="996"/>
      <c r="BC49" s="993"/>
      <c r="BD49" s="361" t="s">
        <v>103</v>
      </c>
      <c r="BE49" s="996"/>
      <c r="BF49" s="993"/>
      <c r="BG49" s="361" t="s">
        <v>102</v>
      </c>
      <c r="BH49" s="996"/>
      <c r="BI49" s="993"/>
      <c r="BJ49" s="361" t="s">
        <v>103</v>
      </c>
      <c r="BK49" s="999"/>
      <c r="BL49" s="996"/>
      <c r="BM49" s="993"/>
      <c r="BN49" s="361" t="s">
        <v>102</v>
      </c>
      <c r="BO49" s="996"/>
      <c r="BP49" s="993"/>
      <c r="BQ49" s="362" t="s">
        <v>103</v>
      </c>
      <c r="BR49" s="754"/>
      <c r="BS49" s="765"/>
      <c r="BT49" s="754"/>
      <c r="BU49" s="757"/>
      <c r="BV49" s="39" t="s">
        <v>102</v>
      </c>
      <c r="BW49" s="754"/>
      <c r="BX49" s="757"/>
      <c r="BY49" s="39" t="s">
        <v>103</v>
      </c>
      <c r="BZ49" s="760"/>
      <c r="CA49" s="9"/>
      <c r="CB49" s="9"/>
    </row>
    <row r="50" spans="1:80" ht="8.25" customHeight="1" x14ac:dyDescent="0.2">
      <c r="D50" s="883"/>
      <c r="E50" s="800"/>
      <c r="F50" s="800"/>
      <c r="G50" s="800"/>
      <c r="H50" s="800"/>
      <c r="I50" s="800"/>
      <c r="J50" s="800"/>
      <c r="K50" s="800"/>
      <c r="L50" s="800"/>
      <c r="M50" s="800"/>
      <c r="N50" s="800"/>
      <c r="O50" s="800"/>
      <c r="P50" s="803"/>
      <c r="Q50" s="761"/>
      <c r="R50" s="761"/>
      <c r="S50" s="836"/>
      <c r="T50" s="803"/>
      <c r="U50" s="836"/>
      <c r="V50" s="803"/>
      <c r="W50" s="836"/>
      <c r="X50" s="803"/>
      <c r="Y50" s="1099"/>
      <c r="Z50" s="1091"/>
      <c r="AA50" s="1096"/>
      <c r="AB50" s="1091"/>
      <c r="AC50" s="1096"/>
      <c r="AD50" s="1091"/>
      <c r="AE50" s="1115"/>
      <c r="AF50" s="1088"/>
      <c r="AG50" s="997"/>
      <c r="AH50" s="994"/>
      <c r="AI50" s="991"/>
      <c r="AJ50" s="997"/>
      <c r="AK50" s="994"/>
      <c r="AL50" s="991"/>
      <c r="AM50" s="997"/>
      <c r="AN50" s="994"/>
      <c r="AO50" s="991"/>
      <c r="AP50" s="997"/>
      <c r="AQ50" s="994"/>
      <c r="AR50" s="991"/>
      <c r="AS50" s="997"/>
      <c r="AT50" s="994"/>
      <c r="AU50" s="991"/>
      <c r="AV50" s="997"/>
      <c r="AW50" s="994"/>
      <c r="AX50" s="991"/>
      <c r="AY50" s="997"/>
      <c r="AZ50" s="994"/>
      <c r="BA50" s="991"/>
      <c r="BB50" s="997"/>
      <c r="BC50" s="994"/>
      <c r="BD50" s="991"/>
      <c r="BE50" s="997"/>
      <c r="BF50" s="994"/>
      <c r="BG50" s="991"/>
      <c r="BH50" s="997"/>
      <c r="BI50" s="994"/>
      <c r="BJ50" s="991"/>
      <c r="BK50" s="1000"/>
      <c r="BL50" s="997"/>
      <c r="BM50" s="994"/>
      <c r="BN50" s="991"/>
      <c r="BO50" s="997"/>
      <c r="BP50" s="994"/>
      <c r="BQ50" s="991"/>
      <c r="BR50" s="755"/>
      <c r="BS50" s="763"/>
      <c r="BT50" s="755"/>
      <c r="BU50" s="758"/>
      <c r="BV50" s="763"/>
      <c r="BW50" s="755"/>
      <c r="BX50" s="758"/>
      <c r="BY50" s="763"/>
      <c r="BZ50" s="761"/>
      <c r="CA50" s="9"/>
      <c r="CB50" s="9"/>
    </row>
    <row r="51" spans="1:80" ht="8.25" customHeight="1" thickBot="1" x14ac:dyDescent="0.25">
      <c r="D51" s="884"/>
      <c r="E51" s="877"/>
      <c r="F51" s="877"/>
      <c r="G51" s="877"/>
      <c r="H51" s="877"/>
      <c r="I51" s="877"/>
      <c r="J51" s="877"/>
      <c r="K51" s="877"/>
      <c r="L51" s="877"/>
      <c r="M51" s="877"/>
      <c r="N51" s="877"/>
      <c r="O51" s="877"/>
      <c r="P51" s="850"/>
      <c r="Q51" s="786"/>
      <c r="R51" s="786"/>
      <c r="S51" s="837"/>
      <c r="T51" s="850"/>
      <c r="U51" s="837"/>
      <c r="V51" s="850"/>
      <c r="W51" s="837"/>
      <c r="X51" s="850"/>
      <c r="Y51" s="1100"/>
      <c r="Z51" s="1092"/>
      <c r="AA51" s="1097"/>
      <c r="AB51" s="1092"/>
      <c r="AC51" s="1097"/>
      <c r="AD51" s="1092"/>
      <c r="AE51" s="1116"/>
      <c r="AF51" s="1089"/>
      <c r="AG51" s="998"/>
      <c r="AH51" s="995"/>
      <c r="AI51" s="992"/>
      <c r="AJ51" s="998"/>
      <c r="AK51" s="995"/>
      <c r="AL51" s="992"/>
      <c r="AM51" s="998"/>
      <c r="AN51" s="995"/>
      <c r="AO51" s="992"/>
      <c r="AP51" s="998"/>
      <c r="AQ51" s="995"/>
      <c r="AR51" s="992"/>
      <c r="AS51" s="998"/>
      <c r="AT51" s="995"/>
      <c r="AU51" s="992"/>
      <c r="AV51" s="998"/>
      <c r="AW51" s="995"/>
      <c r="AX51" s="992"/>
      <c r="AY51" s="998"/>
      <c r="AZ51" s="995"/>
      <c r="BA51" s="992"/>
      <c r="BB51" s="998"/>
      <c r="BC51" s="995"/>
      <c r="BD51" s="992"/>
      <c r="BE51" s="998"/>
      <c r="BF51" s="995"/>
      <c r="BG51" s="992"/>
      <c r="BH51" s="998"/>
      <c r="BI51" s="995"/>
      <c r="BJ51" s="992"/>
      <c r="BK51" s="1001"/>
      <c r="BL51" s="998"/>
      <c r="BM51" s="995"/>
      <c r="BN51" s="992"/>
      <c r="BO51" s="998"/>
      <c r="BP51" s="995"/>
      <c r="BQ51" s="992"/>
      <c r="BR51" s="756"/>
      <c r="BS51" s="764"/>
      <c r="BT51" s="756"/>
      <c r="BU51" s="759"/>
      <c r="BV51" s="764"/>
      <c r="BW51" s="756"/>
      <c r="BX51" s="759"/>
      <c r="BY51" s="764"/>
      <c r="BZ51" s="762"/>
      <c r="CA51" s="9"/>
      <c r="CB51" s="9"/>
    </row>
    <row r="52" spans="1:80" ht="9" customHeight="1" thickBot="1" x14ac:dyDescent="0.25">
      <c r="Y52" s="363"/>
      <c r="Z52" s="363"/>
      <c r="AA52" s="363"/>
      <c r="AB52" s="363"/>
      <c r="AC52" s="363"/>
      <c r="AD52" s="363"/>
      <c r="AE52" s="363"/>
      <c r="AF52" s="363"/>
      <c r="AG52" s="363"/>
      <c r="AH52" s="363"/>
      <c r="AI52" s="363"/>
      <c r="AJ52" s="363"/>
      <c r="AK52" s="363"/>
      <c r="AL52" s="363"/>
      <c r="AM52" s="363"/>
      <c r="AN52" s="363"/>
      <c r="AO52" s="363"/>
      <c r="AP52" s="363"/>
      <c r="AQ52" s="363"/>
      <c r="AR52" s="363"/>
      <c r="AS52" s="363"/>
      <c r="AT52" s="363"/>
      <c r="AU52" s="363"/>
      <c r="AV52" s="363"/>
      <c r="AW52" s="363"/>
      <c r="AX52" s="363"/>
      <c r="AY52" s="363"/>
      <c r="AZ52" s="363"/>
      <c r="BA52" s="363"/>
      <c r="BB52" s="363"/>
      <c r="BC52" s="363"/>
      <c r="BD52" s="363"/>
      <c r="BE52" s="363"/>
      <c r="BF52" s="363"/>
      <c r="BG52" s="363"/>
      <c r="BH52" s="363"/>
      <c r="BI52" s="363"/>
      <c r="BJ52" s="363"/>
      <c r="BK52" s="363"/>
      <c r="BL52" s="363"/>
      <c r="BM52" s="363"/>
      <c r="BN52" s="363"/>
      <c r="BO52" s="363"/>
      <c r="BP52" s="363"/>
      <c r="BQ52" s="363"/>
    </row>
    <row r="53" spans="1:80" ht="8.25" customHeight="1" x14ac:dyDescent="0.2">
      <c r="A53" s="15"/>
      <c r="B53" s="7"/>
      <c r="C53" s="8"/>
      <c r="D53" s="291"/>
      <c r="E53" s="292"/>
      <c r="F53" s="292"/>
      <c r="G53" s="292"/>
      <c r="H53" s="292"/>
      <c r="I53" s="292"/>
      <c r="J53" s="292"/>
      <c r="K53" s="292"/>
      <c r="L53" s="292"/>
      <c r="M53" s="292"/>
      <c r="N53" s="292"/>
      <c r="O53" s="292"/>
      <c r="P53" s="292"/>
      <c r="Q53" s="292"/>
      <c r="R53" s="292"/>
      <c r="S53" s="302"/>
      <c r="T53" s="878" t="s">
        <v>62</v>
      </c>
      <c r="U53" s="873"/>
      <c r="V53" s="873"/>
      <c r="W53" s="873"/>
      <c r="X53" s="879"/>
      <c r="Y53" s="1031" t="s">
        <v>63</v>
      </c>
      <c r="Z53" s="1032"/>
      <c r="AA53" s="1032"/>
      <c r="AB53" s="1032"/>
      <c r="AC53" s="1032"/>
      <c r="AD53" s="1032"/>
      <c r="AE53" s="1032"/>
      <c r="AF53" s="1032"/>
      <c r="AG53" s="1032"/>
      <c r="AH53" s="1032"/>
      <c r="AI53" s="1032"/>
      <c r="AJ53" s="1032"/>
      <c r="AK53" s="1032"/>
      <c r="AL53" s="1032"/>
      <c r="AM53" s="1032"/>
      <c r="AN53" s="1032"/>
      <c r="AO53" s="1033"/>
      <c r="AP53" s="1007" t="s">
        <v>64</v>
      </c>
      <c r="AQ53" s="1036"/>
      <c r="AR53" s="1036"/>
      <c r="AS53" s="1036"/>
      <c r="AT53" s="1036"/>
      <c r="AU53" s="1036"/>
      <c r="AV53" s="1036"/>
      <c r="AW53" s="1036"/>
      <c r="AX53" s="1036"/>
      <c r="AY53" s="1036"/>
      <c r="AZ53" s="1036"/>
      <c r="BA53" s="1036"/>
      <c r="BB53" s="1036"/>
      <c r="BC53" s="1036"/>
      <c r="BD53" s="1038" t="s">
        <v>65</v>
      </c>
      <c r="BE53" s="1039"/>
      <c r="BF53" s="1039"/>
      <c r="BG53" s="1039"/>
      <c r="BH53" s="1039"/>
      <c r="BI53" s="1040"/>
      <c r="BJ53" s="345"/>
      <c r="BK53" s="345"/>
      <c r="BL53" s="345"/>
      <c r="BM53" s="345"/>
      <c r="BN53" s="345"/>
      <c r="BO53" s="345"/>
      <c r="BP53" s="345"/>
      <c r="BQ53" s="1041" t="s">
        <v>66</v>
      </c>
      <c r="BR53" s="818" t="s">
        <v>67</v>
      </c>
      <c r="BS53" s="896"/>
      <c r="BT53" s="896"/>
      <c r="BU53" s="896"/>
      <c r="BV53" s="896"/>
      <c r="BW53" s="896"/>
      <c r="BX53" s="896"/>
      <c r="BY53" s="896"/>
      <c r="BZ53" s="825" t="s">
        <v>68</v>
      </c>
      <c r="CA53" s="859" t="s">
        <v>69</v>
      </c>
    </row>
    <row r="54" spans="1:80" ht="8.25" customHeight="1" thickBot="1" x14ac:dyDescent="0.25">
      <c r="A54" s="869" t="s">
        <v>70</v>
      </c>
      <c r="B54" s="870"/>
      <c r="C54" s="871"/>
      <c r="D54" s="293"/>
      <c r="E54" s="9"/>
      <c r="F54" s="9"/>
      <c r="G54" s="9"/>
      <c r="H54" s="9"/>
      <c r="I54" s="9"/>
      <c r="J54" s="9"/>
      <c r="K54" s="9"/>
      <c r="L54" s="9"/>
      <c r="M54" s="9"/>
      <c r="N54" s="9"/>
      <c r="O54" s="9"/>
      <c r="P54" s="9"/>
      <c r="Q54" s="9"/>
      <c r="R54" s="9"/>
      <c r="S54" s="303"/>
      <c r="T54" s="880"/>
      <c r="U54" s="819"/>
      <c r="V54" s="819"/>
      <c r="W54" s="819"/>
      <c r="X54" s="881"/>
      <c r="Y54" s="1034"/>
      <c r="Z54" s="1034"/>
      <c r="AA54" s="1034"/>
      <c r="AB54" s="1034"/>
      <c r="AC54" s="1034"/>
      <c r="AD54" s="1034"/>
      <c r="AE54" s="1034"/>
      <c r="AF54" s="1034"/>
      <c r="AG54" s="1034"/>
      <c r="AH54" s="1034"/>
      <c r="AI54" s="1034"/>
      <c r="AJ54" s="1034"/>
      <c r="AK54" s="1034"/>
      <c r="AL54" s="1034"/>
      <c r="AM54" s="1034"/>
      <c r="AN54" s="1034"/>
      <c r="AO54" s="1035"/>
      <c r="AP54" s="774"/>
      <c r="AQ54" s="1037"/>
      <c r="AR54" s="1037"/>
      <c r="AS54" s="1037"/>
      <c r="AT54" s="1037"/>
      <c r="AU54" s="1037"/>
      <c r="AV54" s="1037"/>
      <c r="AW54" s="1037"/>
      <c r="AX54" s="1037"/>
      <c r="AY54" s="1037"/>
      <c r="AZ54" s="1037"/>
      <c r="BA54" s="1037"/>
      <c r="BB54" s="1037"/>
      <c r="BC54" s="1037"/>
      <c r="BD54" s="1011" t="s">
        <v>71</v>
      </c>
      <c r="BE54" s="1012"/>
      <c r="BF54" s="1012"/>
      <c r="BG54" s="1012"/>
      <c r="BH54" s="1012"/>
      <c r="BI54" s="1013"/>
      <c r="BJ54" s="775" t="s">
        <v>72</v>
      </c>
      <c r="BK54" s="775"/>
      <c r="BL54" s="775"/>
      <c r="BM54" s="775"/>
      <c r="BN54" s="775"/>
      <c r="BO54" s="775"/>
      <c r="BP54" s="775"/>
      <c r="BQ54" s="1042"/>
      <c r="BR54" s="968"/>
      <c r="BS54" s="898"/>
      <c r="BT54" s="898"/>
      <c r="BU54" s="898"/>
      <c r="BV54" s="898"/>
      <c r="BW54" s="898"/>
      <c r="BX54" s="898"/>
      <c r="BY54" s="898"/>
      <c r="BZ54" s="826"/>
      <c r="CA54" s="860"/>
    </row>
    <row r="55" spans="1:80" ht="8.25" customHeight="1" x14ac:dyDescent="0.2">
      <c r="A55" s="869"/>
      <c r="B55" s="870"/>
      <c r="C55" s="871"/>
      <c r="D55" s="293"/>
      <c r="E55" s="9"/>
      <c r="F55" s="772" t="s">
        <v>73</v>
      </c>
      <c r="G55" s="772"/>
      <c r="H55" s="772"/>
      <c r="I55" s="772"/>
      <c r="J55" s="772"/>
      <c r="K55" s="772"/>
      <c r="L55" s="772"/>
      <c r="M55" s="772"/>
      <c r="N55" s="772"/>
      <c r="O55" s="772"/>
      <c r="P55" s="772"/>
      <c r="Q55" s="772"/>
      <c r="R55" s="9"/>
      <c r="S55" s="303"/>
      <c r="T55" s="911" t="s">
        <v>74</v>
      </c>
      <c r="U55" s="818"/>
      <c r="V55" s="824"/>
      <c r="W55" s="891" t="s">
        <v>75</v>
      </c>
      <c r="X55" s="913"/>
      <c r="Y55" s="1036" t="s">
        <v>76</v>
      </c>
      <c r="Z55" s="1036"/>
      <c r="AA55" s="1008"/>
      <c r="AB55" s="1060" t="s">
        <v>75</v>
      </c>
      <c r="AC55" s="1061"/>
      <c r="AD55" s="1028" t="s">
        <v>77</v>
      </c>
      <c r="AE55" s="1029"/>
      <c r="AF55" s="1029"/>
      <c r="AG55" s="1029"/>
      <c r="AH55" s="1029"/>
      <c r="AI55" s="1029"/>
      <c r="AJ55" s="1029"/>
      <c r="AK55" s="1030"/>
      <c r="AL55" s="1023" t="s">
        <v>189</v>
      </c>
      <c r="AM55" s="1024"/>
      <c r="AN55" s="1024"/>
      <c r="AO55" s="1024"/>
      <c r="AP55" s="1041" t="s">
        <v>78</v>
      </c>
      <c r="AQ55" s="1036" t="s">
        <v>79</v>
      </c>
      <c r="AR55" s="1036"/>
      <c r="AS55" s="1036"/>
      <c r="AT55" s="1036"/>
      <c r="AU55" s="1036"/>
      <c r="AV55" s="1036"/>
      <c r="AW55" s="1036"/>
      <c r="AX55" s="1036"/>
      <c r="AY55" s="1036"/>
      <c r="AZ55" s="1036"/>
      <c r="BA55" s="1036"/>
      <c r="BB55" s="1036"/>
      <c r="BC55" s="1036"/>
      <c r="BD55" s="1017" t="s">
        <v>80</v>
      </c>
      <c r="BE55" s="1019" t="s">
        <v>81</v>
      </c>
      <c r="BF55" s="1052" t="s">
        <v>82</v>
      </c>
      <c r="BG55" s="1019" t="s">
        <v>78</v>
      </c>
      <c r="BH55" s="857" t="s">
        <v>219</v>
      </c>
      <c r="BI55" s="1021" t="s">
        <v>83</v>
      </c>
      <c r="BJ55" s="775"/>
      <c r="BK55" s="775"/>
      <c r="BL55" s="775"/>
      <c r="BM55" s="775"/>
      <c r="BN55" s="775"/>
      <c r="BO55" s="775"/>
      <c r="BP55" s="775"/>
      <c r="BQ55" s="1042"/>
      <c r="BR55" s="816" t="s">
        <v>78</v>
      </c>
      <c r="BS55" s="818" t="s">
        <v>106</v>
      </c>
      <c r="BT55" s="896"/>
      <c r="BU55" s="896"/>
      <c r="BV55" s="896"/>
      <c r="BW55" s="896"/>
      <c r="BX55" s="896"/>
      <c r="BY55" s="896"/>
      <c r="BZ55" s="826"/>
      <c r="CA55" s="860"/>
    </row>
    <row r="56" spans="1:80" ht="8.25" customHeight="1" x14ac:dyDescent="0.2">
      <c r="A56" s="869"/>
      <c r="B56" s="870"/>
      <c r="C56" s="871"/>
      <c r="D56" s="293"/>
      <c r="E56" s="9"/>
      <c r="F56" s="772"/>
      <c r="G56" s="772"/>
      <c r="H56" s="772"/>
      <c r="I56" s="772"/>
      <c r="J56" s="772"/>
      <c r="K56" s="772"/>
      <c r="L56" s="772"/>
      <c r="M56" s="772"/>
      <c r="N56" s="772"/>
      <c r="O56" s="772"/>
      <c r="P56" s="772"/>
      <c r="Q56" s="772"/>
      <c r="R56" s="9"/>
      <c r="S56" s="303"/>
      <c r="T56" s="912"/>
      <c r="U56" s="772"/>
      <c r="V56" s="773"/>
      <c r="W56" s="893"/>
      <c r="X56" s="914"/>
      <c r="Y56" s="775"/>
      <c r="Z56" s="775"/>
      <c r="AA56" s="776"/>
      <c r="AB56" s="1062"/>
      <c r="AC56" s="1063"/>
      <c r="AD56" s="780"/>
      <c r="AE56" s="781"/>
      <c r="AF56" s="781"/>
      <c r="AG56" s="781"/>
      <c r="AH56" s="781"/>
      <c r="AI56" s="781"/>
      <c r="AJ56" s="781"/>
      <c r="AK56" s="782"/>
      <c r="AL56" s="1025"/>
      <c r="AM56" s="1026"/>
      <c r="AN56" s="1026"/>
      <c r="AO56" s="1027"/>
      <c r="AP56" s="1042"/>
      <c r="AQ56" s="775"/>
      <c r="AR56" s="775"/>
      <c r="AS56" s="775"/>
      <c r="AT56" s="775"/>
      <c r="AU56" s="775"/>
      <c r="AV56" s="775"/>
      <c r="AW56" s="775"/>
      <c r="AX56" s="775"/>
      <c r="AY56" s="775"/>
      <c r="AZ56" s="775"/>
      <c r="BA56" s="775"/>
      <c r="BB56" s="775"/>
      <c r="BC56" s="775"/>
      <c r="BD56" s="1018"/>
      <c r="BE56" s="1020"/>
      <c r="BF56" s="1053"/>
      <c r="BG56" s="1020"/>
      <c r="BH56" s="858"/>
      <c r="BI56" s="1022"/>
      <c r="BJ56" s="775" t="s">
        <v>85</v>
      </c>
      <c r="BK56" s="775"/>
      <c r="BL56" s="775"/>
      <c r="BM56" s="775"/>
      <c r="BN56" s="775"/>
      <c r="BO56" s="775"/>
      <c r="BP56" s="775"/>
      <c r="BQ56" s="1042"/>
      <c r="BR56" s="983"/>
      <c r="BS56" s="968"/>
      <c r="BT56" s="965"/>
      <c r="BU56" s="965"/>
      <c r="BV56" s="965"/>
      <c r="BW56" s="965"/>
      <c r="BX56" s="965"/>
      <c r="BY56" s="968"/>
      <c r="BZ56" s="826"/>
      <c r="CA56" s="860"/>
    </row>
    <row r="57" spans="1:80" ht="8.25" customHeight="1" x14ac:dyDescent="0.2">
      <c r="A57" s="869"/>
      <c r="B57" s="870"/>
      <c r="C57" s="871"/>
      <c r="D57" s="293"/>
      <c r="E57" s="9"/>
      <c r="F57" s="9"/>
      <c r="G57" s="9"/>
      <c r="H57" s="9"/>
      <c r="I57" s="9"/>
      <c r="J57" s="9"/>
      <c r="K57" s="9"/>
      <c r="L57" s="9"/>
      <c r="M57" s="9"/>
      <c r="N57" s="9"/>
      <c r="O57" s="9"/>
      <c r="P57" s="9"/>
      <c r="Q57" s="9"/>
      <c r="R57" s="9"/>
      <c r="S57" s="303"/>
      <c r="T57" s="912"/>
      <c r="U57" s="772"/>
      <c r="V57" s="773"/>
      <c r="W57" s="893"/>
      <c r="X57" s="914"/>
      <c r="Y57" s="775"/>
      <c r="Z57" s="775"/>
      <c r="AA57" s="776"/>
      <c r="AB57" s="1062"/>
      <c r="AC57" s="1063"/>
      <c r="AD57" s="780"/>
      <c r="AE57" s="781"/>
      <c r="AF57" s="781"/>
      <c r="AG57" s="781"/>
      <c r="AH57" s="781"/>
      <c r="AI57" s="781"/>
      <c r="AJ57" s="781"/>
      <c r="AK57" s="782"/>
      <c r="AL57" s="1025"/>
      <c r="AM57" s="1026"/>
      <c r="AN57" s="1026"/>
      <c r="AO57" s="1027"/>
      <c r="AP57" s="1042"/>
      <c r="AQ57" s="775"/>
      <c r="AR57" s="775"/>
      <c r="AS57" s="775"/>
      <c r="AT57" s="775"/>
      <c r="AU57" s="775"/>
      <c r="AV57" s="775"/>
      <c r="AW57" s="775"/>
      <c r="AX57" s="775"/>
      <c r="AY57" s="775"/>
      <c r="AZ57" s="775"/>
      <c r="BA57" s="775"/>
      <c r="BB57" s="775"/>
      <c r="BC57" s="775"/>
      <c r="BD57" s="1018"/>
      <c r="BE57" s="1020"/>
      <c r="BF57" s="1053"/>
      <c r="BG57" s="1020"/>
      <c r="BH57" s="858"/>
      <c r="BI57" s="1022"/>
      <c r="BJ57" s="775"/>
      <c r="BK57" s="775"/>
      <c r="BL57" s="775"/>
      <c r="BM57" s="775"/>
      <c r="BN57" s="775"/>
      <c r="BO57" s="775"/>
      <c r="BP57" s="775"/>
      <c r="BQ57" s="1042"/>
      <c r="BR57" s="983"/>
      <c r="BS57" s="968"/>
      <c r="BT57" s="965"/>
      <c r="BU57" s="965"/>
      <c r="BV57" s="965"/>
      <c r="BW57" s="965"/>
      <c r="BX57" s="965"/>
      <c r="BY57" s="968"/>
      <c r="BZ57" s="826"/>
      <c r="CA57" s="860"/>
    </row>
    <row r="58" spans="1:80" ht="8.25" hidden="1" customHeight="1" x14ac:dyDescent="0.2">
      <c r="A58" s="12">
        <v>8</v>
      </c>
      <c r="B58" s="14"/>
      <c r="C58" s="13">
        <v>10</v>
      </c>
      <c r="D58" s="294">
        <v>13</v>
      </c>
      <c r="E58" s="14"/>
      <c r="F58" s="14"/>
      <c r="G58" s="14"/>
      <c r="H58" s="14"/>
      <c r="I58" s="14"/>
      <c r="J58" s="14"/>
      <c r="K58" s="14"/>
      <c r="L58" s="14"/>
      <c r="M58" s="14"/>
      <c r="N58" s="14"/>
      <c r="O58" s="14"/>
      <c r="P58" s="14"/>
      <c r="Q58" s="14"/>
      <c r="R58" s="14"/>
      <c r="S58" s="295">
        <v>28</v>
      </c>
      <c r="T58" s="296"/>
      <c r="U58" s="288"/>
      <c r="V58" s="288"/>
      <c r="W58" s="12">
        <v>29</v>
      </c>
      <c r="X58" s="295">
        <v>30</v>
      </c>
      <c r="Y58" s="364"/>
      <c r="Z58" s="364"/>
      <c r="AA58" s="364"/>
      <c r="AB58" s="355">
        <v>31</v>
      </c>
      <c r="AC58" s="356">
        <v>32</v>
      </c>
      <c r="AD58" s="365"/>
      <c r="AE58" s="365"/>
      <c r="AF58" s="365"/>
      <c r="AG58" s="365"/>
      <c r="AH58" s="366"/>
      <c r="AI58" s="364"/>
      <c r="AJ58" s="364"/>
      <c r="AK58" s="367"/>
      <c r="AL58" s="1076" t="s">
        <v>104</v>
      </c>
      <c r="AM58" s="1077"/>
      <c r="AN58" s="1077"/>
      <c r="AO58" s="1077"/>
      <c r="AP58" s="368">
        <v>33</v>
      </c>
      <c r="AQ58" s="358">
        <v>34</v>
      </c>
      <c r="AR58" s="359"/>
      <c r="AS58" s="360">
        <v>36</v>
      </c>
      <c r="AT58" s="359"/>
      <c r="AU58" s="358">
        <v>37</v>
      </c>
      <c r="AV58" s="359"/>
      <c r="AW58" s="360">
        <v>39</v>
      </c>
      <c r="AX58" s="359"/>
      <c r="AY58" s="358">
        <v>40</v>
      </c>
      <c r="AZ58" s="359"/>
      <c r="BA58" s="359"/>
      <c r="BB58" s="359"/>
      <c r="BC58" s="360">
        <v>44</v>
      </c>
      <c r="BD58" s="1002">
        <v>45</v>
      </c>
      <c r="BE58" s="1003"/>
      <c r="BF58" s="1004">
        <v>46</v>
      </c>
      <c r="BG58" s="1003"/>
      <c r="BH58" s="355">
        <v>47</v>
      </c>
      <c r="BI58" s="357">
        <v>48</v>
      </c>
      <c r="BJ58" s="352"/>
      <c r="BK58" s="352"/>
      <c r="BL58" s="352"/>
      <c r="BM58" s="352"/>
      <c r="BN58" s="352"/>
      <c r="BO58" s="352"/>
      <c r="BP58" s="352"/>
      <c r="BQ58" s="368">
        <v>49</v>
      </c>
      <c r="BR58" s="297">
        <v>50</v>
      </c>
      <c r="BS58" s="287"/>
      <c r="BT58" s="287"/>
      <c r="BU58" s="287"/>
      <c r="BV58" s="287"/>
      <c r="BW58" s="287"/>
      <c r="BX58" s="287"/>
      <c r="BY58" s="287"/>
      <c r="BZ58" s="796">
        <v>51</v>
      </c>
      <c r="CA58" s="861"/>
    </row>
    <row r="59" spans="1:80" ht="8.25" customHeight="1" x14ac:dyDescent="0.2">
      <c r="A59" s="844"/>
      <c r="B59" s="938"/>
      <c r="C59" s="847"/>
      <c r="D59" s="944"/>
      <c r="E59" s="915"/>
      <c r="F59" s="915"/>
      <c r="G59" s="915"/>
      <c r="H59" s="915"/>
      <c r="I59" s="915"/>
      <c r="J59" s="915"/>
      <c r="K59" s="915"/>
      <c r="L59" s="915"/>
      <c r="M59" s="915"/>
      <c r="N59" s="915"/>
      <c r="O59" s="915"/>
      <c r="P59" s="915"/>
      <c r="Q59" s="915"/>
      <c r="R59" s="915"/>
      <c r="S59" s="988"/>
      <c r="T59" s="947"/>
      <c r="U59" s="924"/>
      <c r="V59" s="925"/>
      <c r="W59" s="844"/>
      <c r="X59" s="941"/>
      <c r="Y59" s="1064"/>
      <c r="Z59" s="1064"/>
      <c r="AA59" s="1065"/>
      <c r="AB59" s="1070"/>
      <c r="AC59" s="1073"/>
      <c r="AD59" s="1060"/>
      <c r="AE59" s="1101"/>
      <c r="AF59" s="1101"/>
      <c r="AG59" s="1101"/>
      <c r="AH59" s="1101"/>
      <c r="AI59" s="1101"/>
      <c r="AJ59" s="1101"/>
      <c r="AK59" s="1061"/>
      <c r="AL59" s="1093"/>
      <c r="AM59" s="1024"/>
      <c r="AN59" s="1024"/>
      <c r="AO59" s="1024"/>
      <c r="AP59" s="1084"/>
      <c r="AQ59" s="1111"/>
      <c r="AR59" s="1014"/>
      <c r="AS59" s="1095"/>
      <c r="AT59" s="369"/>
      <c r="AU59" s="1090"/>
      <c r="AV59" s="1014"/>
      <c r="AW59" s="1095"/>
      <c r="AX59" s="369"/>
      <c r="AY59" s="1090"/>
      <c r="AZ59" s="1014"/>
      <c r="BA59" s="1014"/>
      <c r="BB59" s="1014"/>
      <c r="BC59" s="1078"/>
      <c r="BD59" s="1106"/>
      <c r="BE59" s="1081"/>
      <c r="BF59" s="1043"/>
      <c r="BG59" s="1081"/>
      <c r="BH59" s="1043"/>
      <c r="BI59" s="1044"/>
      <c r="BJ59" s="1049"/>
      <c r="BK59" s="1049"/>
      <c r="BL59" s="1049"/>
      <c r="BM59" s="1049"/>
      <c r="BN59" s="1049"/>
      <c r="BO59" s="1049"/>
      <c r="BP59" s="1049"/>
      <c r="BQ59" s="1084"/>
      <c r="BR59" s="298"/>
      <c r="BS59" s="792"/>
      <c r="BT59" s="896"/>
      <c r="BU59" s="896"/>
      <c r="BV59" s="896"/>
      <c r="BW59" s="896"/>
      <c r="BX59" s="896"/>
      <c r="BY59" s="896"/>
      <c r="BZ59" s="827"/>
      <c r="CA59" s="806"/>
    </row>
    <row r="60" spans="1:80" ht="8.25" customHeight="1" x14ac:dyDescent="0.2">
      <c r="A60" s="845"/>
      <c r="B60" s="939"/>
      <c r="C60" s="848"/>
      <c r="D60" s="945"/>
      <c r="E60" s="916"/>
      <c r="F60" s="916"/>
      <c r="G60" s="916"/>
      <c r="H60" s="916"/>
      <c r="I60" s="916"/>
      <c r="J60" s="916"/>
      <c r="K60" s="916"/>
      <c r="L60" s="916"/>
      <c r="M60" s="916"/>
      <c r="N60" s="916"/>
      <c r="O60" s="916"/>
      <c r="P60" s="916"/>
      <c r="Q60" s="916"/>
      <c r="R60" s="916"/>
      <c r="S60" s="989"/>
      <c r="T60" s="948"/>
      <c r="U60" s="926"/>
      <c r="V60" s="927"/>
      <c r="W60" s="845"/>
      <c r="X60" s="942"/>
      <c r="Y60" s="1066"/>
      <c r="Z60" s="1066"/>
      <c r="AA60" s="1067"/>
      <c r="AB60" s="1071"/>
      <c r="AC60" s="1074"/>
      <c r="AD60" s="1062"/>
      <c r="AE60" s="1102"/>
      <c r="AF60" s="1102"/>
      <c r="AG60" s="1102"/>
      <c r="AH60" s="1102"/>
      <c r="AI60" s="1102"/>
      <c r="AJ60" s="1102"/>
      <c r="AK60" s="1063"/>
      <c r="AL60" s="1025"/>
      <c r="AM60" s="1026"/>
      <c r="AN60" s="1026"/>
      <c r="AO60" s="1027"/>
      <c r="AP60" s="1085"/>
      <c r="AQ60" s="1112"/>
      <c r="AR60" s="1015"/>
      <c r="AS60" s="1096"/>
      <c r="AT60" s="370" t="s">
        <v>86</v>
      </c>
      <c r="AU60" s="1091"/>
      <c r="AV60" s="1015"/>
      <c r="AW60" s="1096"/>
      <c r="AX60" s="370" t="s">
        <v>86</v>
      </c>
      <c r="AY60" s="1091"/>
      <c r="AZ60" s="1015"/>
      <c r="BA60" s="1015"/>
      <c r="BB60" s="1015"/>
      <c r="BC60" s="1079"/>
      <c r="BD60" s="1107"/>
      <c r="BE60" s="1082"/>
      <c r="BF60" s="1045"/>
      <c r="BG60" s="1082"/>
      <c r="BH60" s="1045"/>
      <c r="BI60" s="1046"/>
      <c r="BJ60" s="1050"/>
      <c r="BK60" s="1050"/>
      <c r="BL60" s="1050"/>
      <c r="BM60" s="1050"/>
      <c r="BN60" s="1050"/>
      <c r="BO60" s="1050"/>
      <c r="BP60" s="1050"/>
      <c r="BQ60" s="1085"/>
      <c r="BR60" s="299"/>
      <c r="BS60" s="968"/>
      <c r="BT60" s="965"/>
      <c r="BU60" s="965"/>
      <c r="BV60" s="965"/>
      <c r="BW60" s="965"/>
      <c r="BX60" s="965"/>
      <c r="BY60" s="968"/>
      <c r="BZ60" s="828"/>
      <c r="CA60" s="808"/>
    </row>
    <row r="61" spans="1:80" ht="8.25" customHeight="1" thickBot="1" x14ac:dyDescent="0.25">
      <c r="A61" s="846"/>
      <c r="B61" s="940"/>
      <c r="C61" s="849"/>
      <c r="D61" s="946"/>
      <c r="E61" s="917"/>
      <c r="F61" s="917"/>
      <c r="G61" s="917"/>
      <c r="H61" s="917"/>
      <c r="I61" s="917"/>
      <c r="J61" s="917"/>
      <c r="K61" s="917"/>
      <c r="L61" s="917"/>
      <c r="M61" s="917"/>
      <c r="N61" s="917"/>
      <c r="O61" s="917"/>
      <c r="P61" s="917"/>
      <c r="Q61" s="917"/>
      <c r="R61" s="917"/>
      <c r="S61" s="990"/>
      <c r="T61" s="949"/>
      <c r="U61" s="950"/>
      <c r="V61" s="951"/>
      <c r="W61" s="952"/>
      <c r="X61" s="943"/>
      <c r="Y61" s="1068"/>
      <c r="Z61" s="1068"/>
      <c r="AA61" s="1069"/>
      <c r="AB61" s="1072"/>
      <c r="AC61" s="1075"/>
      <c r="AD61" s="1103"/>
      <c r="AE61" s="1104"/>
      <c r="AF61" s="1104"/>
      <c r="AG61" s="1104"/>
      <c r="AH61" s="1104"/>
      <c r="AI61" s="1104"/>
      <c r="AJ61" s="1104"/>
      <c r="AK61" s="1105"/>
      <c r="AL61" s="1094"/>
      <c r="AM61" s="1077"/>
      <c r="AN61" s="1077"/>
      <c r="AO61" s="1077"/>
      <c r="AP61" s="1086"/>
      <c r="AQ61" s="1113"/>
      <c r="AR61" s="1016"/>
      <c r="AS61" s="1109"/>
      <c r="AT61" s="371"/>
      <c r="AU61" s="1110"/>
      <c r="AV61" s="1016"/>
      <c r="AW61" s="1109"/>
      <c r="AX61" s="371"/>
      <c r="AY61" s="1110"/>
      <c r="AZ61" s="1016"/>
      <c r="BA61" s="1016"/>
      <c r="BB61" s="1016"/>
      <c r="BC61" s="1080"/>
      <c r="BD61" s="1108"/>
      <c r="BE61" s="1083"/>
      <c r="BF61" s="1047"/>
      <c r="BG61" s="1083"/>
      <c r="BH61" s="1047"/>
      <c r="BI61" s="1048"/>
      <c r="BJ61" s="1051"/>
      <c r="BK61" s="1051"/>
      <c r="BL61" s="1051"/>
      <c r="BM61" s="1051"/>
      <c r="BN61" s="1051"/>
      <c r="BO61" s="1051"/>
      <c r="BP61" s="1051"/>
      <c r="BQ61" s="1086"/>
      <c r="BR61" s="300"/>
      <c r="BS61" s="898"/>
      <c r="BT61" s="898"/>
      <c r="BU61" s="898"/>
      <c r="BV61" s="898"/>
      <c r="BW61" s="898"/>
      <c r="BX61" s="898"/>
      <c r="BY61" s="898"/>
      <c r="BZ61" s="829"/>
      <c r="CA61" s="810"/>
    </row>
    <row r="62" spans="1:80" ht="6" customHeight="1" thickBot="1" x14ac:dyDescent="0.25">
      <c r="Y62" s="363"/>
      <c r="Z62" s="363"/>
      <c r="AA62" s="363"/>
      <c r="AB62" s="363"/>
      <c r="AC62" s="363"/>
      <c r="AD62" s="363"/>
      <c r="AE62" s="363"/>
      <c r="AF62" s="363"/>
      <c r="AG62" s="363"/>
      <c r="AH62" s="363"/>
      <c r="AI62" s="363"/>
      <c r="AJ62" s="363"/>
      <c r="AK62" s="363"/>
      <c r="AL62" s="363"/>
      <c r="AM62" s="363"/>
      <c r="AN62" s="363"/>
      <c r="AO62" s="363"/>
      <c r="AP62" s="363"/>
      <c r="AQ62" s="363"/>
      <c r="AR62" s="363"/>
      <c r="AS62" s="363"/>
      <c r="AT62" s="363"/>
      <c r="AU62" s="363"/>
      <c r="AV62" s="363"/>
      <c r="AW62" s="363"/>
      <c r="AX62" s="363"/>
      <c r="AY62" s="363"/>
      <c r="AZ62" s="363"/>
      <c r="BA62" s="363"/>
      <c r="BB62" s="363"/>
      <c r="BC62" s="363"/>
      <c r="BD62" s="363"/>
      <c r="BE62" s="363"/>
      <c r="BF62" s="363"/>
      <c r="BG62" s="363"/>
      <c r="BH62" s="363"/>
      <c r="BI62" s="363"/>
      <c r="BJ62" s="363"/>
      <c r="BK62" s="363"/>
      <c r="BL62" s="363"/>
      <c r="BM62" s="363"/>
      <c r="BN62" s="363"/>
      <c r="BO62" s="363"/>
      <c r="BP62" s="363"/>
      <c r="BQ62" s="363"/>
    </row>
    <row r="63" spans="1:80" ht="8.25" customHeight="1" x14ac:dyDescent="0.2">
      <c r="D63" s="291"/>
      <c r="E63" s="292"/>
      <c r="F63" s="292"/>
      <c r="G63" s="292"/>
      <c r="H63" s="292"/>
      <c r="I63" s="292"/>
      <c r="J63" s="292"/>
      <c r="K63" s="292"/>
      <c r="L63" s="292"/>
      <c r="M63" s="292"/>
      <c r="N63" s="292"/>
      <c r="O63" s="292"/>
      <c r="P63" s="301"/>
      <c r="Q63" s="888" t="s">
        <v>87</v>
      </c>
      <c r="R63" s="872" t="s">
        <v>88</v>
      </c>
      <c r="S63" s="873"/>
      <c r="T63" s="873"/>
      <c r="U63" s="873"/>
      <c r="V63" s="873"/>
      <c r="W63" s="873"/>
      <c r="X63" s="874"/>
      <c r="Y63" s="1055" t="s">
        <v>89</v>
      </c>
      <c r="Z63" s="1056"/>
      <c r="AA63" s="1056"/>
      <c r="AB63" s="1056"/>
      <c r="AC63" s="1056"/>
      <c r="AD63" s="1056"/>
      <c r="AE63" s="1057"/>
      <c r="AF63" s="345"/>
      <c r="AG63" s="345"/>
      <c r="AH63" s="345"/>
      <c r="AI63" s="345"/>
      <c r="AJ63" s="345"/>
      <c r="AK63" s="345"/>
      <c r="AL63" s="346"/>
      <c r="AM63" s="345"/>
      <c r="AN63" s="345"/>
      <c r="AO63" s="345"/>
      <c r="AP63" s="345"/>
      <c r="AQ63" s="345"/>
      <c r="AR63" s="345"/>
      <c r="AS63" s="347"/>
      <c r="AT63" s="345"/>
      <c r="AU63" s="345"/>
      <c r="AV63" s="345"/>
      <c r="AW63" s="345"/>
      <c r="AX63" s="346"/>
      <c r="AY63" s="345"/>
      <c r="AZ63" s="345"/>
      <c r="BA63" s="345"/>
      <c r="BB63" s="345"/>
      <c r="BC63" s="345"/>
      <c r="BD63" s="346"/>
      <c r="BE63" s="345"/>
      <c r="BF63" s="345"/>
      <c r="BG63" s="345"/>
      <c r="BH63" s="345"/>
      <c r="BI63" s="345"/>
      <c r="BJ63" s="346"/>
      <c r="BK63" s="347"/>
      <c r="BL63" s="345"/>
      <c r="BM63" s="345"/>
      <c r="BN63" s="345"/>
      <c r="BO63" s="345"/>
      <c r="BP63" s="345"/>
      <c r="BQ63" s="345"/>
      <c r="BR63" s="15"/>
      <c r="BS63" s="7"/>
      <c r="BT63" s="7"/>
      <c r="BU63" s="7"/>
      <c r="BV63" s="7"/>
      <c r="BW63" s="7"/>
      <c r="BX63" s="7"/>
      <c r="BY63" s="8"/>
      <c r="BZ63" s="766" t="s">
        <v>90</v>
      </c>
      <c r="CA63" s="32"/>
      <c r="CB63" s="32"/>
    </row>
    <row r="64" spans="1:80" ht="8.25" customHeight="1" x14ac:dyDescent="0.2">
      <c r="D64" s="293"/>
      <c r="E64" s="9"/>
      <c r="F64" s="9"/>
      <c r="G64" s="9"/>
      <c r="H64" s="9"/>
      <c r="I64" s="9"/>
      <c r="J64" s="9"/>
      <c r="K64" s="9"/>
      <c r="L64" s="9"/>
      <c r="M64" s="9"/>
      <c r="N64" s="9"/>
      <c r="O64" s="9"/>
      <c r="P64" s="10"/>
      <c r="Q64" s="889"/>
      <c r="R64" s="875"/>
      <c r="S64" s="819"/>
      <c r="T64" s="819"/>
      <c r="U64" s="819"/>
      <c r="V64" s="819"/>
      <c r="W64" s="819"/>
      <c r="X64" s="876"/>
      <c r="Y64" s="1058"/>
      <c r="Z64" s="1037"/>
      <c r="AA64" s="1037"/>
      <c r="AB64" s="1037"/>
      <c r="AC64" s="1037"/>
      <c r="AD64" s="1037"/>
      <c r="AE64" s="1059"/>
      <c r="AF64" s="775" t="s">
        <v>91</v>
      </c>
      <c r="AG64" s="775"/>
      <c r="AH64" s="775"/>
      <c r="AI64" s="775"/>
      <c r="AJ64" s="775"/>
      <c r="AK64" s="775"/>
      <c r="AL64" s="776"/>
      <c r="AM64" s="774" t="s">
        <v>218</v>
      </c>
      <c r="AN64" s="775"/>
      <c r="AO64" s="775"/>
      <c r="AP64" s="775"/>
      <c r="AQ64" s="775"/>
      <c r="AR64" s="776"/>
      <c r="AS64" s="348"/>
      <c r="AT64" s="349"/>
      <c r="AU64" s="349"/>
      <c r="AV64" s="349"/>
      <c r="AW64" s="349"/>
      <c r="AX64" s="350"/>
      <c r="AY64" s="349"/>
      <c r="AZ64" s="349"/>
      <c r="BA64" s="349"/>
      <c r="BB64" s="349"/>
      <c r="BC64" s="349"/>
      <c r="BD64" s="350"/>
      <c r="BE64" s="349"/>
      <c r="BF64" s="349"/>
      <c r="BG64" s="349"/>
      <c r="BH64" s="349"/>
      <c r="BI64" s="349"/>
      <c r="BJ64" s="350"/>
      <c r="BK64" s="348"/>
      <c r="BL64" s="349"/>
      <c r="BM64" s="349"/>
      <c r="BN64" s="349"/>
      <c r="BO64" s="349"/>
      <c r="BP64" s="349"/>
      <c r="BQ64" s="349"/>
      <c r="BR64" s="771" t="s">
        <v>92</v>
      </c>
      <c r="BS64" s="772"/>
      <c r="BT64" s="772"/>
      <c r="BU64" s="772"/>
      <c r="BV64" s="772"/>
      <c r="BW64" s="772"/>
      <c r="BX64" s="772"/>
      <c r="BY64" s="773"/>
      <c r="BZ64" s="767"/>
      <c r="CA64" s="32"/>
      <c r="CB64" s="32"/>
    </row>
    <row r="65" spans="1:84" ht="8.25" customHeight="1" x14ac:dyDescent="0.2">
      <c r="D65" s="293"/>
      <c r="E65" s="870" t="s">
        <v>93</v>
      </c>
      <c r="F65" s="772"/>
      <c r="G65" s="772"/>
      <c r="H65" s="772"/>
      <c r="I65" s="772"/>
      <c r="J65" s="772"/>
      <c r="K65" s="772"/>
      <c r="L65" s="772"/>
      <c r="M65" s="772"/>
      <c r="N65" s="772"/>
      <c r="O65" s="772"/>
      <c r="P65" s="10"/>
      <c r="Q65" s="889"/>
      <c r="R65" s="831" t="s">
        <v>94</v>
      </c>
      <c r="S65" s="823" t="s">
        <v>95</v>
      </c>
      <c r="T65" s="824"/>
      <c r="U65" s="823" t="s">
        <v>96</v>
      </c>
      <c r="V65" s="824"/>
      <c r="W65" s="823" t="s">
        <v>97</v>
      </c>
      <c r="X65" s="824"/>
      <c r="Y65" s="1005" t="s">
        <v>94</v>
      </c>
      <c r="Z65" s="1007" t="s">
        <v>95</v>
      </c>
      <c r="AA65" s="1008"/>
      <c r="AB65" s="1007" t="s">
        <v>96</v>
      </c>
      <c r="AC65" s="1008"/>
      <c r="AD65" s="1007" t="s">
        <v>97</v>
      </c>
      <c r="AE65" s="1009"/>
      <c r="AF65" s="775"/>
      <c r="AG65" s="775"/>
      <c r="AH65" s="775"/>
      <c r="AI65" s="775"/>
      <c r="AJ65" s="775"/>
      <c r="AK65" s="775"/>
      <c r="AL65" s="776"/>
      <c r="AM65" s="774"/>
      <c r="AN65" s="775"/>
      <c r="AO65" s="775"/>
      <c r="AP65" s="775"/>
      <c r="AQ65" s="775"/>
      <c r="AR65" s="776"/>
      <c r="AS65" s="774" t="s">
        <v>98</v>
      </c>
      <c r="AT65" s="775"/>
      <c r="AU65" s="775"/>
      <c r="AV65" s="775"/>
      <c r="AW65" s="775"/>
      <c r="AX65" s="776"/>
      <c r="AY65" s="777" t="s">
        <v>216</v>
      </c>
      <c r="AZ65" s="778"/>
      <c r="BA65" s="778"/>
      <c r="BB65" s="778"/>
      <c r="BC65" s="778"/>
      <c r="BD65" s="779"/>
      <c r="BE65" s="780" t="s">
        <v>217</v>
      </c>
      <c r="BF65" s="781"/>
      <c r="BG65" s="781"/>
      <c r="BH65" s="781"/>
      <c r="BI65" s="781"/>
      <c r="BJ65" s="782"/>
      <c r="BK65" s="774" t="s">
        <v>99</v>
      </c>
      <c r="BL65" s="775"/>
      <c r="BM65" s="775"/>
      <c r="BN65" s="775"/>
      <c r="BO65" s="775"/>
      <c r="BP65" s="775"/>
      <c r="BQ65" s="776"/>
      <c r="BR65" s="771"/>
      <c r="BS65" s="772"/>
      <c r="BT65" s="772"/>
      <c r="BU65" s="772"/>
      <c r="BV65" s="772"/>
      <c r="BW65" s="772"/>
      <c r="BX65" s="772"/>
      <c r="BY65" s="773"/>
      <c r="BZ65" s="767"/>
      <c r="CA65" s="32"/>
      <c r="CB65" s="32"/>
    </row>
    <row r="66" spans="1:84" ht="13.95" customHeight="1" x14ac:dyDescent="0.2">
      <c r="D66" s="293"/>
      <c r="E66" s="772"/>
      <c r="F66" s="772"/>
      <c r="G66" s="772"/>
      <c r="H66" s="772"/>
      <c r="I66" s="772"/>
      <c r="J66" s="772"/>
      <c r="K66" s="772"/>
      <c r="L66" s="772"/>
      <c r="M66" s="772"/>
      <c r="N66" s="772"/>
      <c r="O66" s="772"/>
      <c r="P66" s="10"/>
      <c r="Q66" s="889"/>
      <c r="R66" s="832"/>
      <c r="S66" s="771"/>
      <c r="T66" s="773"/>
      <c r="U66" s="771"/>
      <c r="V66" s="773"/>
      <c r="W66" s="771"/>
      <c r="X66" s="773"/>
      <c r="Y66" s="1006"/>
      <c r="Z66" s="774"/>
      <c r="AA66" s="776"/>
      <c r="AB66" s="774"/>
      <c r="AC66" s="776"/>
      <c r="AD66" s="774"/>
      <c r="AE66" s="1010"/>
      <c r="AF66" s="775" t="s">
        <v>100</v>
      </c>
      <c r="AG66" s="775"/>
      <c r="AH66" s="775"/>
      <c r="AI66" s="775"/>
      <c r="AJ66" s="775"/>
      <c r="AK66" s="775"/>
      <c r="AL66" s="776"/>
      <c r="AM66" s="777" t="s">
        <v>220</v>
      </c>
      <c r="AN66" s="778"/>
      <c r="AO66" s="778"/>
      <c r="AP66" s="778"/>
      <c r="AQ66" s="778"/>
      <c r="AR66" s="779"/>
      <c r="AS66" s="774"/>
      <c r="AT66" s="775"/>
      <c r="AU66" s="775"/>
      <c r="AV66" s="775"/>
      <c r="AW66" s="775"/>
      <c r="AX66" s="776"/>
      <c r="AY66" s="777"/>
      <c r="AZ66" s="778"/>
      <c r="BA66" s="778"/>
      <c r="BB66" s="778"/>
      <c r="BC66" s="778"/>
      <c r="BD66" s="779"/>
      <c r="BE66" s="780"/>
      <c r="BF66" s="781"/>
      <c r="BG66" s="781"/>
      <c r="BH66" s="781"/>
      <c r="BI66" s="781"/>
      <c r="BJ66" s="782"/>
      <c r="BK66" s="774"/>
      <c r="BL66" s="775"/>
      <c r="BM66" s="775"/>
      <c r="BN66" s="775"/>
      <c r="BO66" s="775"/>
      <c r="BP66" s="775"/>
      <c r="BQ66" s="776"/>
      <c r="BR66" s="771" t="s">
        <v>101</v>
      </c>
      <c r="BS66" s="772"/>
      <c r="BT66" s="772"/>
      <c r="BU66" s="772"/>
      <c r="BV66" s="772"/>
      <c r="BW66" s="772"/>
      <c r="BX66" s="772"/>
      <c r="BY66" s="773"/>
      <c r="BZ66" s="767"/>
      <c r="CA66" s="32"/>
      <c r="CB66" s="32"/>
    </row>
    <row r="67" spans="1:84" ht="9" customHeight="1" x14ac:dyDescent="0.2">
      <c r="D67" s="293"/>
      <c r="E67" s="885" t="s">
        <v>139</v>
      </c>
      <c r="F67" s="886"/>
      <c r="G67" s="886"/>
      <c r="H67" s="886"/>
      <c r="I67" s="886"/>
      <c r="J67" s="886"/>
      <c r="K67" s="886"/>
      <c r="L67" s="886"/>
      <c r="M67" s="886"/>
      <c r="N67" s="886"/>
      <c r="O67" s="9"/>
      <c r="P67" s="10"/>
      <c r="Q67" s="889"/>
      <c r="R67" s="832"/>
      <c r="S67" s="771"/>
      <c r="T67" s="773"/>
      <c r="U67" s="771"/>
      <c r="V67" s="773"/>
      <c r="W67" s="771"/>
      <c r="X67" s="773"/>
      <c r="Y67" s="1006"/>
      <c r="Z67" s="774"/>
      <c r="AA67" s="776"/>
      <c r="AB67" s="774"/>
      <c r="AC67" s="776"/>
      <c r="AD67" s="774"/>
      <c r="AE67" s="1010"/>
      <c r="AF67" s="775"/>
      <c r="AG67" s="775"/>
      <c r="AH67" s="775"/>
      <c r="AI67" s="775"/>
      <c r="AJ67" s="775"/>
      <c r="AK67" s="775"/>
      <c r="AL67" s="776"/>
      <c r="AM67" s="777"/>
      <c r="AN67" s="778"/>
      <c r="AO67" s="778"/>
      <c r="AP67" s="778"/>
      <c r="AQ67" s="778"/>
      <c r="AR67" s="779"/>
      <c r="AS67" s="351"/>
      <c r="AT67" s="352"/>
      <c r="AU67" s="352"/>
      <c r="AV67" s="352"/>
      <c r="AW67" s="352"/>
      <c r="AX67" s="353"/>
      <c r="AY67" s="349"/>
      <c r="AZ67" s="349"/>
      <c r="BA67" s="349"/>
      <c r="BB67" s="349"/>
      <c r="BC67" s="349"/>
      <c r="BD67" s="350"/>
      <c r="BE67" s="349"/>
      <c r="BF67" s="349"/>
      <c r="BG67" s="349"/>
      <c r="BH67" s="349"/>
      <c r="BI67" s="349"/>
      <c r="BJ67" s="350"/>
      <c r="BK67" s="348"/>
      <c r="BL67" s="349"/>
      <c r="BM67" s="349"/>
      <c r="BN67" s="349"/>
      <c r="BO67" s="349"/>
      <c r="BP67" s="349"/>
      <c r="BQ67" s="349"/>
      <c r="BR67" s="771"/>
      <c r="BS67" s="772"/>
      <c r="BT67" s="772"/>
      <c r="BU67" s="772"/>
      <c r="BV67" s="772"/>
      <c r="BW67" s="772"/>
      <c r="BX67" s="772"/>
      <c r="BY67" s="773"/>
      <c r="BZ67" s="767"/>
      <c r="CA67" s="32"/>
      <c r="CB67" s="32"/>
    </row>
    <row r="68" spans="1:84" ht="0.45" customHeight="1" x14ac:dyDescent="0.2">
      <c r="D68" s="294">
        <v>13</v>
      </c>
      <c r="E68" s="887"/>
      <c r="F68" s="887"/>
      <c r="G68" s="887"/>
      <c r="H68" s="887"/>
      <c r="I68" s="887"/>
      <c r="J68" s="887"/>
      <c r="K68" s="887"/>
      <c r="L68" s="887"/>
      <c r="M68" s="887"/>
      <c r="N68" s="887"/>
      <c r="O68" s="14"/>
      <c r="P68" s="13">
        <v>25</v>
      </c>
      <c r="Q68" s="342">
        <v>26</v>
      </c>
      <c r="R68" s="26">
        <v>27</v>
      </c>
      <c r="S68" s="12">
        <v>28</v>
      </c>
      <c r="T68" s="13">
        <v>29</v>
      </c>
      <c r="U68" s="12">
        <v>30</v>
      </c>
      <c r="V68" s="13">
        <v>31</v>
      </c>
      <c r="W68" s="12">
        <v>32</v>
      </c>
      <c r="X68" s="13">
        <v>33</v>
      </c>
      <c r="Y68" s="354">
        <v>34</v>
      </c>
      <c r="Z68" s="355">
        <v>35</v>
      </c>
      <c r="AA68" s="356">
        <v>36</v>
      </c>
      <c r="AB68" s="355">
        <v>37</v>
      </c>
      <c r="AC68" s="356">
        <v>38</v>
      </c>
      <c r="AD68" s="355">
        <v>39</v>
      </c>
      <c r="AE68" s="357">
        <v>40</v>
      </c>
      <c r="AF68" s="358">
        <v>41</v>
      </c>
      <c r="AG68" s="359"/>
      <c r="AH68" s="359"/>
      <c r="AI68" s="359"/>
      <c r="AJ68" s="359"/>
      <c r="AK68" s="359"/>
      <c r="AL68" s="356">
        <v>47</v>
      </c>
      <c r="AM68" s="360"/>
      <c r="AN68" s="360"/>
      <c r="AO68" s="360"/>
      <c r="AP68" s="360"/>
      <c r="AQ68" s="360"/>
      <c r="AR68" s="360"/>
      <c r="AS68" s="359"/>
      <c r="AT68" s="359"/>
      <c r="AU68" s="359"/>
      <c r="AV68" s="359"/>
      <c r="AW68" s="359"/>
      <c r="AX68" s="356">
        <v>54</v>
      </c>
      <c r="AY68" s="359"/>
      <c r="AZ68" s="359"/>
      <c r="BA68" s="359"/>
      <c r="BB68" s="359"/>
      <c r="BC68" s="359"/>
      <c r="BD68" s="356">
        <v>61</v>
      </c>
      <c r="BE68" s="359"/>
      <c r="BF68" s="359"/>
      <c r="BG68" s="359"/>
      <c r="BH68" s="359"/>
      <c r="BI68" s="359"/>
      <c r="BJ68" s="356">
        <v>68</v>
      </c>
      <c r="BK68" s="355">
        <v>69</v>
      </c>
      <c r="BL68" s="359"/>
      <c r="BM68" s="359"/>
      <c r="BN68" s="359"/>
      <c r="BO68" s="359"/>
      <c r="BP68" s="359"/>
      <c r="BQ68" s="360">
        <v>75</v>
      </c>
      <c r="BR68" s="12">
        <v>76</v>
      </c>
      <c r="BS68" s="27"/>
      <c r="BT68" s="27"/>
      <c r="BU68" s="27"/>
      <c r="BV68" s="27"/>
      <c r="BW68" s="27"/>
      <c r="BX68" s="24"/>
      <c r="BY68" s="13">
        <v>83</v>
      </c>
      <c r="BZ68" s="26">
        <v>84</v>
      </c>
      <c r="CA68" s="35"/>
      <c r="CB68" s="35"/>
      <c r="CC68" s="36"/>
      <c r="CD68" s="36"/>
      <c r="CE68" s="36"/>
      <c r="CF68" s="36"/>
    </row>
    <row r="69" spans="1:84" ht="8.25" customHeight="1" x14ac:dyDescent="0.2">
      <c r="D69" s="882"/>
      <c r="E69" s="799"/>
      <c r="F69" s="799"/>
      <c r="G69" s="799"/>
      <c r="H69" s="799"/>
      <c r="I69" s="799"/>
      <c r="J69" s="799"/>
      <c r="K69" s="799"/>
      <c r="L69" s="799"/>
      <c r="M69" s="799"/>
      <c r="N69" s="799"/>
      <c r="O69" s="799"/>
      <c r="P69" s="802"/>
      <c r="Q69" s="760"/>
      <c r="R69" s="760"/>
      <c r="S69" s="835"/>
      <c r="T69" s="802"/>
      <c r="U69" s="835"/>
      <c r="V69" s="802"/>
      <c r="W69" s="835"/>
      <c r="X69" s="802"/>
      <c r="Y69" s="1098"/>
      <c r="Z69" s="1090"/>
      <c r="AA69" s="1095"/>
      <c r="AB69" s="1090"/>
      <c r="AC69" s="1095"/>
      <c r="AD69" s="1090"/>
      <c r="AE69" s="1114"/>
      <c r="AF69" s="1087"/>
      <c r="AG69" s="996"/>
      <c r="AH69" s="993"/>
      <c r="AI69" s="361" t="s">
        <v>102</v>
      </c>
      <c r="AJ69" s="996"/>
      <c r="AK69" s="993"/>
      <c r="AL69" s="361" t="s">
        <v>103</v>
      </c>
      <c r="AM69" s="996"/>
      <c r="AN69" s="993"/>
      <c r="AO69" s="361" t="s">
        <v>102</v>
      </c>
      <c r="AP69" s="996"/>
      <c r="AQ69" s="993"/>
      <c r="AR69" s="361" t="s">
        <v>103</v>
      </c>
      <c r="AS69" s="996"/>
      <c r="AT69" s="993"/>
      <c r="AU69" s="361" t="s">
        <v>102</v>
      </c>
      <c r="AV69" s="996"/>
      <c r="AW69" s="993"/>
      <c r="AX69" s="361" t="s">
        <v>103</v>
      </c>
      <c r="AY69" s="996"/>
      <c r="AZ69" s="993"/>
      <c r="BA69" s="361" t="s">
        <v>102</v>
      </c>
      <c r="BB69" s="996"/>
      <c r="BC69" s="993"/>
      <c r="BD69" s="361" t="s">
        <v>103</v>
      </c>
      <c r="BE69" s="996"/>
      <c r="BF69" s="993"/>
      <c r="BG69" s="361" t="s">
        <v>102</v>
      </c>
      <c r="BH69" s="996"/>
      <c r="BI69" s="993"/>
      <c r="BJ69" s="361" t="s">
        <v>103</v>
      </c>
      <c r="BK69" s="999"/>
      <c r="BL69" s="996"/>
      <c r="BM69" s="993"/>
      <c r="BN69" s="361" t="s">
        <v>102</v>
      </c>
      <c r="BO69" s="996"/>
      <c r="BP69" s="993"/>
      <c r="BQ69" s="362" t="s">
        <v>103</v>
      </c>
      <c r="BR69" s="754"/>
      <c r="BS69" s="765"/>
      <c r="BT69" s="754"/>
      <c r="BU69" s="757"/>
      <c r="BV69" s="39" t="s">
        <v>102</v>
      </c>
      <c r="BW69" s="754"/>
      <c r="BX69" s="757"/>
      <c r="BY69" s="39" t="s">
        <v>103</v>
      </c>
      <c r="BZ69" s="760"/>
      <c r="CA69" s="9"/>
      <c r="CB69" s="9"/>
    </row>
    <row r="70" spans="1:84" ht="8.25" customHeight="1" x14ac:dyDescent="0.2">
      <c r="D70" s="883"/>
      <c r="E70" s="800"/>
      <c r="F70" s="800"/>
      <c r="G70" s="800"/>
      <c r="H70" s="800"/>
      <c r="I70" s="800"/>
      <c r="J70" s="800"/>
      <c r="K70" s="800"/>
      <c r="L70" s="800"/>
      <c r="M70" s="800"/>
      <c r="N70" s="800"/>
      <c r="O70" s="800"/>
      <c r="P70" s="803"/>
      <c r="Q70" s="761"/>
      <c r="R70" s="761"/>
      <c r="S70" s="836"/>
      <c r="T70" s="803"/>
      <c r="U70" s="836"/>
      <c r="V70" s="803"/>
      <c r="W70" s="836"/>
      <c r="X70" s="803"/>
      <c r="Y70" s="1099"/>
      <c r="Z70" s="1091"/>
      <c r="AA70" s="1096"/>
      <c r="AB70" s="1091"/>
      <c r="AC70" s="1096"/>
      <c r="AD70" s="1091"/>
      <c r="AE70" s="1115"/>
      <c r="AF70" s="1088"/>
      <c r="AG70" s="997"/>
      <c r="AH70" s="994"/>
      <c r="AI70" s="991"/>
      <c r="AJ70" s="997"/>
      <c r="AK70" s="994"/>
      <c r="AL70" s="991"/>
      <c r="AM70" s="997"/>
      <c r="AN70" s="994"/>
      <c r="AO70" s="991"/>
      <c r="AP70" s="997"/>
      <c r="AQ70" s="994"/>
      <c r="AR70" s="991"/>
      <c r="AS70" s="997"/>
      <c r="AT70" s="994"/>
      <c r="AU70" s="991"/>
      <c r="AV70" s="997"/>
      <c r="AW70" s="994"/>
      <c r="AX70" s="991"/>
      <c r="AY70" s="997"/>
      <c r="AZ70" s="994"/>
      <c r="BA70" s="991"/>
      <c r="BB70" s="997"/>
      <c r="BC70" s="994"/>
      <c r="BD70" s="991"/>
      <c r="BE70" s="997"/>
      <c r="BF70" s="994"/>
      <c r="BG70" s="991"/>
      <c r="BH70" s="997"/>
      <c r="BI70" s="994"/>
      <c r="BJ70" s="991"/>
      <c r="BK70" s="1000"/>
      <c r="BL70" s="997"/>
      <c r="BM70" s="994"/>
      <c r="BN70" s="991"/>
      <c r="BO70" s="997"/>
      <c r="BP70" s="994"/>
      <c r="BQ70" s="991"/>
      <c r="BR70" s="755"/>
      <c r="BS70" s="763"/>
      <c r="BT70" s="755"/>
      <c r="BU70" s="758"/>
      <c r="BV70" s="763"/>
      <c r="BW70" s="755"/>
      <c r="BX70" s="758"/>
      <c r="BY70" s="763"/>
      <c r="BZ70" s="761"/>
      <c r="CA70" s="9"/>
      <c r="CB70" s="9"/>
    </row>
    <row r="71" spans="1:84" ht="8.25" customHeight="1" thickBot="1" x14ac:dyDescent="0.25">
      <c r="D71" s="884"/>
      <c r="E71" s="877"/>
      <c r="F71" s="877"/>
      <c r="G71" s="877"/>
      <c r="H71" s="877"/>
      <c r="I71" s="877"/>
      <c r="J71" s="877"/>
      <c r="K71" s="877"/>
      <c r="L71" s="877"/>
      <c r="M71" s="877"/>
      <c r="N71" s="877"/>
      <c r="O71" s="877"/>
      <c r="P71" s="850"/>
      <c r="Q71" s="786"/>
      <c r="R71" s="786"/>
      <c r="S71" s="837"/>
      <c r="T71" s="850"/>
      <c r="U71" s="837"/>
      <c r="V71" s="850"/>
      <c r="W71" s="837"/>
      <c r="X71" s="850"/>
      <c r="Y71" s="1100"/>
      <c r="Z71" s="1092"/>
      <c r="AA71" s="1097"/>
      <c r="AB71" s="1092"/>
      <c r="AC71" s="1097"/>
      <c r="AD71" s="1092"/>
      <c r="AE71" s="1116"/>
      <c r="AF71" s="1089"/>
      <c r="AG71" s="998"/>
      <c r="AH71" s="995"/>
      <c r="AI71" s="992"/>
      <c r="AJ71" s="998"/>
      <c r="AK71" s="995"/>
      <c r="AL71" s="992"/>
      <c r="AM71" s="998"/>
      <c r="AN71" s="995"/>
      <c r="AO71" s="992"/>
      <c r="AP71" s="998"/>
      <c r="AQ71" s="995"/>
      <c r="AR71" s="992"/>
      <c r="AS71" s="998"/>
      <c r="AT71" s="995"/>
      <c r="AU71" s="992"/>
      <c r="AV71" s="998"/>
      <c r="AW71" s="995"/>
      <c r="AX71" s="992"/>
      <c r="AY71" s="998"/>
      <c r="AZ71" s="995"/>
      <c r="BA71" s="992"/>
      <c r="BB71" s="998"/>
      <c r="BC71" s="995"/>
      <c r="BD71" s="992"/>
      <c r="BE71" s="998"/>
      <c r="BF71" s="995"/>
      <c r="BG71" s="992"/>
      <c r="BH71" s="998"/>
      <c r="BI71" s="995"/>
      <c r="BJ71" s="992"/>
      <c r="BK71" s="1001"/>
      <c r="BL71" s="998"/>
      <c r="BM71" s="995"/>
      <c r="BN71" s="992"/>
      <c r="BO71" s="998"/>
      <c r="BP71" s="995"/>
      <c r="BQ71" s="992"/>
      <c r="BR71" s="756"/>
      <c r="BS71" s="764"/>
      <c r="BT71" s="756"/>
      <c r="BU71" s="759"/>
      <c r="BV71" s="764"/>
      <c r="BW71" s="756"/>
      <c r="BX71" s="759"/>
      <c r="BY71" s="764"/>
      <c r="BZ71" s="762"/>
      <c r="CA71" s="9"/>
      <c r="CB71" s="9"/>
    </row>
    <row r="72" spans="1:84" ht="9" customHeight="1" thickBot="1" x14ac:dyDescent="0.25">
      <c r="Y72" s="363"/>
      <c r="Z72" s="363"/>
      <c r="AA72" s="363"/>
      <c r="AB72" s="363"/>
      <c r="AC72" s="363"/>
      <c r="AD72" s="363"/>
      <c r="AE72" s="363"/>
      <c r="AF72" s="363"/>
      <c r="AG72" s="363"/>
      <c r="AH72" s="363"/>
      <c r="AI72" s="363"/>
      <c r="AJ72" s="363"/>
      <c r="AK72" s="363"/>
      <c r="AL72" s="363"/>
      <c r="AM72" s="363"/>
      <c r="AN72" s="363"/>
      <c r="AO72" s="363"/>
      <c r="AP72" s="363"/>
      <c r="AQ72" s="363"/>
      <c r="AR72" s="363"/>
      <c r="AS72" s="363"/>
      <c r="AT72" s="363"/>
      <c r="AU72" s="363"/>
      <c r="AV72" s="363"/>
      <c r="AW72" s="363"/>
      <c r="AX72" s="363"/>
      <c r="AY72" s="363"/>
      <c r="AZ72" s="363"/>
      <c r="BA72" s="363"/>
      <c r="BB72" s="363"/>
      <c r="BC72" s="363"/>
      <c r="BD72" s="363"/>
      <c r="BE72" s="363"/>
      <c r="BF72" s="363"/>
      <c r="BG72" s="363"/>
      <c r="BH72" s="363"/>
      <c r="BI72" s="363"/>
      <c r="BJ72" s="363"/>
      <c r="BK72" s="363"/>
      <c r="BL72" s="363"/>
      <c r="BM72" s="363"/>
      <c r="BN72" s="363"/>
      <c r="BO72" s="363"/>
      <c r="BP72" s="363"/>
      <c r="BQ72" s="363"/>
    </row>
    <row r="73" spans="1:84" ht="8.25" customHeight="1" x14ac:dyDescent="0.2">
      <c r="A73" s="15"/>
      <c r="B73" s="7"/>
      <c r="C73" s="8"/>
      <c r="D73" s="291"/>
      <c r="E73" s="292"/>
      <c r="F73" s="292"/>
      <c r="G73" s="292"/>
      <c r="H73" s="292"/>
      <c r="I73" s="292"/>
      <c r="J73" s="292"/>
      <c r="K73" s="292"/>
      <c r="L73" s="292"/>
      <c r="M73" s="292"/>
      <c r="N73" s="292"/>
      <c r="O73" s="292"/>
      <c r="P73" s="292"/>
      <c r="Q73" s="292"/>
      <c r="R73" s="292"/>
      <c r="S73" s="302"/>
      <c r="T73" s="878" t="s">
        <v>62</v>
      </c>
      <c r="U73" s="873"/>
      <c r="V73" s="873"/>
      <c r="W73" s="873"/>
      <c r="X73" s="879"/>
      <c r="Y73" s="1031" t="s">
        <v>63</v>
      </c>
      <c r="Z73" s="1032"/>
      <c r="AA73" s="1032"/>
      <c r="AB73" s="1032"/>
      <c r="AC73" s="1032"/>
      <c r="AD73" s="1032"/>
      <c r="AE73" s="1032"/>
      <c r="AF73" s="1032"/>
      <c r="AG73" s="1032"/>
      <c r="AH73" s="1032"/>
      <c r="AI73" s="1032"/>
      <c r="AJ73" s="1032"/>
      <c r="AK73" s="1032"/>
      <c r="AL73" s="1032"/>
      <c r="AM73" s="1032"/>
      <c r="AN73" s="1032"/>
      <c r="AO73" s="1033"/>
      <c r="AP73" s="1007" t="s">
        <v>64</v>
      </c>
      <c r="AQ73" s="1036"/>
      <c r="AR73" s="1036"/>
      <c r="AS73" s="1036"/>
      <c r="AT73" s="1036"/>
      <c r="AU73" s="1036"/>
      <c r="AV73" s="1036"/>
      <c r="AW73" s="1036"/>
      <c r="AX73" s="1036"/>
      <c r="AY73" s="1036"/>
      <c r="AZ73" s="1036"/>
      <c r="BA73" s="1036"/>
      <c r="BB73" s="1036"/>
      <c r="BC73" s="1036"/>
      <c r="BD73" s="1038" t="s">
        <v>65</v>
      </c>
      <c r="BE73" s="1039"/>
      <c r="BF73" s="1039"/>
      <c r="BG73" s="1039"/>
      <c r="BH73" s="1039"/>
      <c r="BI73" s="1040"/>
      <c r="BJ73" s="345"/>
      <c r="BK73" s="345"/>
      <c r="BL73" s="345"/>
      <c r="BM73" s="345"/>
      <c r="BN73" s="345"/>
      <c r="BO73" s="345"/>
      <c r="BP73" s="345"/>
      <c r="BQ73" s="1041" t="s">
        <v>66</v>
      </c>
      <c r="BR73" s="818" t="s">
        <v>67</v>
      </c>
      <c r="BS73" s="896"/>
      <c r="BT73" s="896"/>
      <c r="BU73" s="896"/>
      <c r="BV73" s="896"/>
      <c r="BW73" s="896"/>
      <c r="BX73" s="896"/>
      <c r="BY73" s="896"/>
      <c r="BZ73" s="825" t="s">
        <v>68</v>
      </c>
      <c r="CA73" s="859" t="s">
        <v>69</v>
      </c>
    </row>
    <row r="74" spans="1:84" ht="8.25" customHeight="1" thickBot="1" x14ac:dyDescent="0.25">
      <c r="A74" s="869" t="s">
        <v>70</v>
      </c>
      <c r="B74" s="870"/>
      <c r="C74" s="871"/>
      <c r="D74" s="293"/>
      <c r="E74" s="9"/>
      <c r="F74" s="9"/>
      <c r="G74" s="9"/>
      <c r="H74" s="9"/>
      <c r="I74" s="9"/>
      <c r="J74" s="9"/>
      <c r="K74" s="9"/>
      <c r="L74" s="9"/>
      <c r="M74" s="9"/>
      <c r="N74" s="9"/>
      <c r="O74" s="9"/>
      <c r="P74" s="9"/>
      <c r="Q74" s="9"/>
      <c r="R74" s="9"/>
      <c r="S74" s="303"/>
      <c r="T74" s="880"/>
      <c r="U74" s="819"/>
      <c r="V74" s="819"/>
      <c r="W74" s="819"/>
      <c r="X74" s="881"/>
      <c r="Y74" s="1034"/>
      <c r="Z74" s="1034"/>
      <c r="AA74" s="1034"/>
      <c r="AB74" s="1034"/>
      <c r="AC74" s="1034"/>
      <c r="AD74" s="1034"/>
      <c r="AE74" s="1034"/>
      <c r="AF74" s="1034"/>
      <c r="AG74" s="1034"/>
      <c r="AH74" s="1034"/>
      <c r="AI74" s="1034"/>
      <c r="AJ74" s="1034"/>
      <c r="AK74" s="1034"/>
      <c r="AL74" s="1034"/>
      <c r="AM74" s="1034"/>
      <c r="AN74" s="1034"/>
      <c r="AO74" s="1035"/>
      <c r="AP74" s="774"/>
      <c r="AQ74" s="1037"/>
      <c r="AR74" s="1037"/>
      <c r="AS74" s="1037"/>
      <c r="AT74" s="1037"/>
      <c r="AU74" s="1037"/>
      <c r="AV74" s="1037"/>
      <c r="AW74" s="1037"/>
      <c r="AX74" s="1037"/>
      <c r="AY74" s="1037"/>
      <c r="AZ74" s="1037"/>
      <c r="BA74" s="1037"/>
      <c r="BB74" s="1037"/>
      <c r="BC74" s="1037"/>
      <c r="BD74" s="1011" t="s">
        <v>71</v>
      </c>
      <c r="BE74" s="1012"/>
      <c r="BF74" s="1012"/>
      <c r="BG74" s="1012"/>
      <c r="BH74" s="1012"/>
      <c r="BI74" s="1013"/>
      <c r="BJ74" s="775" t="s">
        <v>72</v>
      </c>
      <c r="BK74" s="775"/>
      <c r="BL74" s="775"/>
      <c r="BM74" s="775"/>
      <c r="BN74" s="775"/>
      <c r="BO74" s="775"/>
      <c r="BP74" s="775"/>
      <c r="BQ74" s="1042"/>
      <c r="BR74" s="968"/>
      <c r="BS74" s="898"/>
      <c r="BT74" s="898"/>
      <c r="BU74" s="898"/>
      <c r="BV74" s="898"/>
      <c r="BW74" s="898"/>
      <c r="BX74" s="898"/>
      <c r="BY74" s="898"/>
      <c r="BZ74" s="826"/>
      <c r="CA74" s="860"/>
    </row>
    <row r="75" spans="1:84" ht="8.25" customHeight="1" x14ac:dyDescent="0.2">
      <c r="A75" s="869"/>
      <c r="B75" s="870"/>
      <c r="C75" s="871"/>
      <c r="D75" s="293"/>
      <c r="E75" s="9"/>
      <c r="F75" s="772" t="s">
        <v>73</v>
      </c>
      <c r="G75" s="772"/>
      <c r="H75" s="772"/>
      <c r="I75" s="772"/>
      <c r="J75" s="772"/>
      <c r="K75" s="772"/>
      <c r="L75" s="772"/>
      <c r="M75" s="772"/>
      <c r="N75" s="772"/>
      <c r="O75" s="772"/>
      <c r="P75" s="772"/>
      <c r="Q75" s="772"/>
      <c r="R75" s="9"/>
      <c r="S75" s="303"/>
      <c r="T75" s="911" t="s">
        <v>74</v>
      </c>
      <c r="U75" s="818"/>
      <c r="V75" s="824"/>
      <c r="W75" s="891" t="s">
        <v>75</v>
      </c>
      <c r="X75" s="913"/>
      <c r="Y75" s="1036" t="s">
        <v>76</v>
      </c>
      <c r="Z75" s="1036"/>
      <c r="AA75" s="1008"/>
      <c r="AB75" s="1060" t="s">
        <v>75</v>
      </c>
      <c r="AC75" s="1061"/>
      <c r="AD75" s="1028" t="s">
        <v>77</v>
      </c>
      <c r="AE75" s="1029"/>
      <c r="AF75" s="1029"/>
      <c r="AG75" s="1029"/>
      <c r="AH75" s="1029"/>
      <c r="AI75" s="1029"/>
      <c r="AJ75" s="1029"/>
      <c r="AK75" s="1030"/>
      <c r="AL75" s="1023" t="s">
        <v>189</v>
      </c>
      <c r="AM75" s="1024"/>
      <c r="AN75" s="1024"/>
      <c r="AO75" s="1024"/>
      <c r="AP75" s="1041" t="s">
        <v>78</v>
      </c>
      <c r="AQ75" s="1036" t="s">
        <v>79</v>
      </c>
      <c r="AR75" s="1036"/>
      <c r="AS75" s="1036"/>
      <c r="AT75" s="1036"/>
      <c r="AU75" s="1036"/>
      <c r="AV75" s="1036"/>
      <c r="AW75" s="1036"/>
      <c r="AX75" s="1036"/>
      <c r="AY75" s="1036"/>
      <c r="AZ75" s="1036"/>
      <c r="BA75" s="1036"/>
      <c r="BB75" s="1036"/>
      <c r="BC75" s="1036"/>
      <c r="BD75" s="1017" t="s">
        <v>80</v>
      </c>
      <c r="BE75" s="1019" t="s">
        <v>81</v>
      </c>
      <c r="BF75" s="1052" t="s">
        <v>82</v>
      </c>
      <c r="BG75" s="1019" t="s">
        <v>78</v>
      </c>
      <c r="BH75" s="857" t="s">
        <v>219</v>
      </c>
      <c r="BI75" s="1021" t="s">
        <v>83</v>
      </c>
      <c r="BJ75" s="775"/>
      <c r="BK75" s="775"/>
      <c r="BL75" s="775"/>
      <c r="BM75" s="775"/>
      <c r="BN75" s="775"/>
      <c r="BO75" s="775"/>
      <c r="BP75" s="775"/>
      <c r="BQ75" s="1042"/>
      <c r="BR75" s="816" t="s">
        <v>78</v>
      </c>
      <c r="BS75" s="818" t="s">
        <v>106</v>
      </c>
      <c r="BT75" s="896"/>
      <c r="BU75" s="896"/>
      <c r="BV75" s="896"/>
      <c r="BW75" s="896"/>
      <c r="BX75" s="896"/>
      <c r="BY75" s="896"/>
      <c r="BZ75" s="826"/>
      <c r="CA75" s="860"/>
    </row>
    <row r="76" spans="1:84" ht="8.25" customHeight="1" x14ac:dyDescent="0.2">
      <c r="A76" s="869"/>
      <c r="B76" s="870"/>
      <c r="C76" s="871"/>
      <c r="D76" s="293"/>
      <c r="E76" s="9"/>
      <c r="F76" s="772"/>
      <c r="G76" s="772"/>
      <c r="H76" s="772"/>
      <c r="I76" s="772"/>
      <c r="J76" s="772"/>
      <c r="K76" s="772"/>
      <c r="L76" s="772"/>
      <c r="M76" s="772"/>
      <c r="N76" s="772"/>
      <c r="O76" s="772"/>
      <c r="P76" s="772"/>
      <c r="Q76" s="772"/>
      <c r="R76" s="9"/>
      <c r="S76" s="303"/>
      <c r="T76" s="912"/>
      <c r="U76" s="772"/>
      <c r="V76" s="773"/>
      <c r="W76" s="893"/>
      <c r="X76" s="914"/>
      <c r="Y76" s="775"/>
      <c r="Z76" s="775"/>
      <c r="AA76" s="776"/>
      <c r="AB76" s="1062"/>
      <c r="AC76" s="1063"/>
      <c r="AD76" s="780"/>
      <c r="AE76" s="781"/>
      <c r="AF76" s="781"/>
      <c r="AG76" s="781"/>
      <c r="AH76" s="781"/>
      <c r="AI76" s="781"/>
      <c r="AJ76" s="781"/>
      <c r="AK76" s="782"/>
      <c r="AL76" s="1025"/>
      <c r="AM76" s="1026"/>
      <c r="AN76" s="1026"/>
      <c r="AO76" s="1027"/>
      <c r="AP76" s="1042"/>
      <c r="AQ76" s="775"/>
      <c r="AR76" s="775"/>
      <c r="AS76" s="775"/>
      <c r="AT76" s="775"/>
      <c r="AU76" s="775"/>
      <c r="AV76" s="775"/>
      <c r="AW76" s="775"/>
      <c r="AX76" s="775"/>
      <c r="AY76" s="775"/>
      <c r="AZ76" s="775"/>
      <c r="BA76" s="775"/>
      <c r="BB76" s="775"/>
      <c r="BC76" s="775"/>
      <c r="BD76" s="1018"/>
      <c r="BE76" s="1020"/>
      <c r="BF76" s="1053"/>
      <c r="BG76" s="1020"/>
      <c r="BH76" s="858"/>
      <c r="BI76" s="1022"/>
      <c r="BJ76" s="775" t="s">
        <v>85</v>
      </c>
      <c r="BK76" s="775"/>
      <c r="BL76" s="775"/>
      <c r="BM76" s="775"/>
      <c r="BN76" s="775"/>
      <c r="BO76" s="775"/>
      <c r="BP76" s="775"/>
      <c r="BQ76" s="1042"/>
      <c r="BR76" s="983"/>
      <c r="BS76" s="968"/>
      <c r="BT76" s="965"/>
      <c r="BU76" s="965"/>
      <c r="BV76" s="965"/>
      <c r="BW76" s="965"/>
      <c r="BX76" s="965"/>
      <c r="BY76" s="968"/>
      <c r="BZ76" s="826"/>
      <c r="CA76" s="860"/>
    </row>
    <row r="77" spans="1:84" ht="8.25" customHeight="1" x14ac:dyDescent="0.2">
      <c r="A77" s="869"/>
      <c r="B77" s="870"/>
      <c r="C77" s="871"/>
      <c r="D77" s="293"/>
      <c r="E77" s="9"/>
      <c r="F77" s="9"/>
      <c r="G77" s="9"/>
      <c r="H77" s="9"/>
      <c r="I77" s="9"/>
      <c r="J77" s="9"/>
      <c r="K77" s="9"/>
      <c r="L77" s="9"/>
      <c r="M77" s="9"/>
      <c r="N77" s="9"/>
      <c r="O77" s="9"/>
      <c r="P77" s="9"/>
      <c r="Q77" s="9"/>
      <c r="R77" s="9"/>
      <c r="S77" s="303"/>
      <c r="T77" s="912"/>
      <c r="U77" s="772"/>
      <c r="V77" s="773"/>
      <c r="W77" s="893"/>
      <c r="X77" s="914"/>
      <c r="Y77" s="775"/>
      <c r="Z77" s="775"/>
      <c r="AA77" s="776"/>
      <c r="AB77" s="1062"/>
      <c r="AC77" s="1063"/>
      <c r="AD77" s="780"/>
      <c r="AE77" s="781"/>
      <c r="AF77" s="781"/>
      <c r="AG77" s="781"/>
      <c r="AH77" s="781"/>
      <c r="AI77" s="781"/>
      <c r="AJ77" s="781"/>
      <c r="AK77" s="782"/>
      <c r="AL77" s="1025"/>
      <c r="AM77" s="1026"/>
      <c r="AN77" s="1026"/>
      <c r="AO77" s="1027"/>
      <c r="AP77" s="1042"/>
      <c r="AQ77" s="775"/>
      <c r="AR77" s="775"/>
      <c r="AS77" s="775"/>
      <c r="AT77" s="775"/>
      <c r="AU77" s="775"/>
      <c r="AV77" s="775"/>
      <c r="AW77" s="775"/>
      <c r="AX77" s="775"/>
      <c r="AY77" s="775"/>
      <c r="AZ77" s="775"/>
      <c r="BA77" s="775"/>
      <c r="BB77" s="775"/>
      <c r="BC77" s="775"/>
      <c r="BD77" s="1018"/>
      <c r="BE77" s="1020"/>
      <c r="BF77" s="1053"/>
      <c r="BG77" s="1020"/>
      <c r="BH77" s="858"/>
      <c r="BI77" s="1022"/>
      <c r="BJ77" s="775"/>
      <c r="BK77" s="775"/>
      <c r="BL77" s="775"/>
      <c r="BM77" s="775"/>
      <c r="BN77" s="775"/>
      <c r="BO77" s="775"/>
      <c r="BP77" s="775"/>
      <c r="BQ77" s="1042"/>
      <c r="BR77" s="983"/>
      <c r="BS77" s="968"/>
      <c r="BT77" s="965"/>
      <c r="BU77" s="965"/>
      <c r="BV77" s="965"/>
      <c r="BW77" s="965"/>
      <c r="BX77" s="965"/>
      <c r="BY77" s="968"/>
      <c r="BZ77" s="826"/>
      <c r="CA77" s="860"/>
    </row>
    <row r="78" spans="1:84" ht="8.25" hidden="1" customHeight="1" x14ac:dyDescent="0.2">
      <c r="A78" s="12">
        <v>8</v>
      </c>
      <c r="B78" s="14"/>
      <c r="C78" s="13">
        <v>10</v>
      </c>
      <c r="D78" s="294">
        <v>13</v>
      </c>
      <c r="E78" s="14"/>
      <c r="F78" s="14"/>
      <c r="G78" s="14"/>
      <c r="H78" s="14"/>
      <c r="I78" s="14"/>
      <c r="J78" s="14"/>
      <c r="K78" s="14"/>
      <c r="L78" s="14"/>
      <c r="M78" s="14"/>
      <c r="N78" s="14"/>
      <c r="O78" s="14"/>
      <c r="P78" s="14"/>
      <c r="Q78" s="14"/>
      <c r="R78" s="14"/>
      <c r="S78" s="295">
        <v>28</v>
      </c>
      <c r="T78" s="296"/>
      <c r="U78" s="288"/>
      <c r="V78" s="288"/>
      <c r="W78" s="12">
        <v>29</v>
      </c>
      <c r="X78" s="295">
        <v>30</v>
      </c>
      <c r="Y78" s="364"/>
      <c r="Z78" s="364"/>
      <c r="AA78" s="364"/>
      <c r="AB78" s="355">
        <v>31</v>
      </c>
      <c r="AC78" s="356">
        <v>32</v>
      </c>
      <c r="AD78" s="365"/>
      <c r="AE78" s="365"/>
      <c r="AF78" s="365"/>
      <c r="AG78" s="365"/>
      <c r="AH78" s="366"/>
      <c r="AI78" s="364"/>
      <c r="AJ78" s="364"/>
      <c r="AK78" s="367"/>
      <c r="AL78" s="1076" t="s">
        <v>104</v>
      </c>
      <c r="AM78" s="1077"/>
      <c r="AN78" s="1077"/>
      <c r="AO78" s="1077"/>
      <c r="AP78" s="368">
        <v>33</v>
      </c>
      <c r="AQ78" s="358">
        <v>34</v>
      </c>
      <c r="AR78" s="359"/>
      <c r="AS78" s="360">
        <v>36</v>
      </c>
      <c r="AT78" s="359"/>
      <c r="AU78" s="358">
        <v>37</v>
      </c>
      <c r="AV78" s="359"/>
      <c r="AW78" s="360">
        <v>39</v>
      </c>
      <c r="AX78" s="359"/>
      <c r="AY78" s="358">
        <v>40</v>
      </c>
      <c r="AZ78" s="359"/>
      <c r="BA78" s="359"/>
      <c r="BB78" s="359"/>
      <c r="BC78" s="360">
        <v>44</v>
      </c>
      <c r="BD78" s="1002">
        <v>45</v>
      </c>
      <c r="BE78" s="1003"/>
      <c r="BF78" s="1004">
        <v>46</v>
      </c>
      <c r="BG78" s="1003"/>
      <c r="BH78" s="355">
        <v>47</v>
      </c>
      <c r="BI78" s="357">
        <v>48</v>
      </c>
      <c r="BJ78" s="352"/>
      <c r="BK78" s="352"/>
      <c r="BL78" s="352"/>
      <c r="BM78" s="352"/>
      <c r="BN78" s="352"/>
      <c r="BO78" s="352"/>
      <c r="BP78" s="352"/>
      <c r="BQ78" s="368">
        <v>49</v>
      </c>
      <c r="BR78" s="297">
        <v>50</v>
      </c>
      <c r="BS78" s="287"/>
      <c r="BT78" s="287"/>
      <c r="BU78" s="287"/>
      <c r="BV78" s="287"/>
      <c r="BW78" s="287"/>
      <c r="BX78" s="287"/>
      <c r="BY78" s="287"/>
      <c r="BZ78" s="796">
        <v>51</v>
      </c>
      <c r="CA78" s="861"/>
    </row>
    <row r="79" spans="1:84" ht="8.25" customHeight="1" x14ac:dyDescent="0.2">
      <c r="A79" s="844"/>
      <c r="B79" s="938"/>
      <c r="C79" s="847"/>
      <c r="D79" s="944"/>
      <c r="E79" s="915"/>
      <c r="F79" s="915"/>
      <c r="G79" s="915"/>
      <c r="H79" s="915"/>
      <c r="I79" s="915"/>
      <c r="J79" s="915"/>
      <c r="K79" s="915"/>
      <c r="L79" s="915"/>
      <c r="M79" s="915"/>
      <c r="N79" s="915"/>
      <c r="O79" s="915"/>
      <c r="P79" s="915"/>
      <c r="Q79" s="915"/>
      <c r="R79" s="915"/>
      <c r="S79" s="988"/>
      <c r="T79" s="947"/>
      <c r="U79" s="924"/>
      <c r="V79" s="925"/>
      <c r="W79" s="844"/>
      <c r="X79" s="941"/>
      <c r="Y79" s="1064"/>
      <c r="Z79" s="1064"/>
      <c r="AA79" s="1065"/>
      <c r="AB79" s="1070"/>
      <c r="AC79" s="1073"/>
      <c r="AD79" s="1060"/>
      <c r="AE79" s="1101"/>
      <c r="AF79" s="1101"/>
      <c r="AG79" s="1101"/>
      <c r="AH79" s="1101"/>
      <c r="AI79" s="1101"/>
      <c r="AJ79" s="1101"/>
      <c r="AK79" s="1061"/>
      <c r="AL79" s="1093"/>
      <c r="AM79" s="1024"/>
      <c r="AN79" s="1024"/>
      <c r="AO79" s="1024"/>
      <c r="AP79" s="1084"/>
      <c r="AQ79" s="1111"/>
      <c r="AR79" s="1014"/>
      <c r="AS79" s="1095"/>
      <c r="AT79" s="369"/>
      <c r="AU79" s="1090"/>
      <c r="AV79" s="1014"/>
      <c r="AW79" s="1095"/>
      <c r="AX79" s="369"/>
      <c r="AY79" s="1090"/>
      <c r="AZ79" s="1014"/>
      <c r="BA79" s="1014"/>
      <c r="BB79" s="1014"/>
      <c r="BC79" s="1078"/>
      <c r="BD79" s="1106"/>
      <c r="BE79" s="1081"/>
      <c r="BF79" s="1043"/>
      <c r="BG79" s="1081"/>
      <c r="BH79" s="1043"/>
      <c r="BI79" s="1044"/>
      <c r="BJ79" s="1049"/>
      <c r="BK79" s="1049"/>
      <c r="BL79" s="1049"/>
      <c r="BM79" s="1049"/>
      <c r="BN79" s="1049"/>
      <c r="BO79" s="1049"/>
      <c r="BP79" s="1049"/>
      <c r="BQ79" s="1084"/>
      <c r="BR79" s="298"/>
      <c r="BS79" s="792"/>
      <c r="BT79" s="896"/>
      <c r="BU79" s="896"/>
      <c r="BV79" s="896"/>
      <c r="BW79" s="896"/>
      <c r="BX79" s="896"/>
      <c r="BY79" s="896"/>
      <c r="BZ79" s="827"/>
      <c r="CA79" s="806"/>
    </row>
    <row r="80" spans="1:84" ht="8.25" customHeight="1" x14ac:dyDescent="0.2">
      <c r="A80" s="845"/>
      <c r="B80" s="939"/>
      <c r="C80" s="848"/>
      <c r="D80" s="945"/>
      <c r="E80" s="916"/>
      <c r="F80" s="916"/>
      <c r="G80" s="916"/>
      <c r="H80" s="916"/>
      <c r="I80" s="916"/>
      <c r="J80" s="916"/>
      <c r="K80" s="916"/>
      <c r="L80" s="916"/>
      <c r="M80" s="916"/>
      <c r="N80" s="916"/>
      <c r="O80" s="916"/>
      <c r="P80" s="916"/>
      <c r="Q80" s="916"/>
      <c r="R80" s="916"/>
      <c r="S80" s="989"/>
      <c r="T80" s="948"/>
      <c r="U80" s="926"/>
      <c r="V80" s="927"/>
      <c r="W80" s="845"/>
      <c r="X80" s="942"/>
      <c r="Y80" s="1066"/>
      <c r="Z80" s="1066"/>
      <c r="AA80" s="1067"/>
      <c r="AB80" s="1071"/>
      <c r="AC80" s="1074"/>
      <c r="AD80" s="1062"/>
      <c r="AE80" s="1102"/>
      <c r="AF80" s="1102"/>
      <c r="AG80" s="1102"/>
      <c r="AH80" s="1102"/>
      <c r="AI80" s="1102"/>
      <c r="AJ80" s="1102"/>
      <c r="AK80" s="1063"/>
      <c r="AL80" s="1025"/>
      <c r="AM80" s="1026"/>
      <c r="AN80" s="1026"/>
      <c r="AO80" s="1027"/>
      <c r="AP80" s="1085"/>
      <c r="AQ80" s="1112"/>
      <c r="AR80" s="1015"/>
      <c r="AS80" s="1096"/>
      <c r="AT80" s="370" t="s">
        <v>86</v>
      </c>
      <c r="AU80" s="1091"/>
      <c r="AV80" s="1015"/>
      <c r="AW80" s="1096"/>
      <c r="AX80" s="370" t="s">
        <v>86</v>
      </c>
      <c r="AY80" s="1091"/>
      <c r="AZ80" s="1015"/>
      <c r="BA80" s="1015"/>
      <c r="BB80" s="1015"/>
      <c r="BC80" s="1079"/>
      <c r="BD80" s="1107"/>
      <c r="BE80" s="1082"/>
      <c r="BF80" s="1045"/>
      <c r="BG80" s="1082"/>
      <c r="BH80" s="1045"/>
      <c r="BI80" s="1046"/>
      <c r="BJ80" s="1050"/>
      <c r="BK80" s="1050"/>
      <c r="BL80" s="1050"/>
      <c r="BM80" s="1050"/>
      <c r="BN80" s="1050"/>
      <c r="BO80" s="1050"/>
      <c r="BP80" s="1050"/>
      <c r="BQ80" s="1085"/>
      <c r="BR80" s="299"/>
      <c r="BS80" s="968"/>
      <c r="BT80" s="965"/>
      <c r="BU80" s="965"/>
      <c r="BV80" s="965"/>
      <c r="BW80" s="965"/>
      <c r="BX80" s="965"/>
      <c r="BY80" s="968"/>
      <c r="BZ80" s="828"/>
      <c r="CA80" s="808"/>
    </row>
    <row r="81" spans="1:84" ht="8.25" customHeight="1" thickBot="1" x14ac:dyDescent="0.25">
      <c r="A81" s="846"/>
      <c r="B81" s="940"/>
      <c r="C81" s="849"/>
      <c r="D81" s="946"/>
      <c r="E81" s="917"/>
      <c r="F81" s="917"/>
      <c r="G81" s="917"/>
      <c r="H81" s="917"/>
      <c r="I81" s="917"/>
      <c r="J81" s="917"/>
      <c r="K81" s="917"/>
      <c r="L81" s="917"/>
      <c r="M81" s="917"/>
      <c r="N81" s="917"/>
      <c r="O81" s="917"/>
      <c r="P81" s="917"/>
      <c r="Q81" s="917"/>
      <c r="R81" s="917"/>
      <c r="S81" s="990"/>
      <c r="T81" s="949"/>
      <c r="U81" s="950"/>
      <c r="V81" s="951"/>
      <c r="W81" s="952"/>
      <c r="X81" s="943"/>
      <c r="Y81" s="1068"/>
      <c r="Z81" s="1068"/>
      <c r="AA81" s="1069"/>
      <c r="AB81" s="1072"/>
      <c r="AC81" s="1075"/>
      <c r="AD81" s="1103"/>
      <c r="AE81" s="1104"/>
      <c r="AF81" s="1104"/>
      <c r="AG81" s="1104"/>
      <c r="AH81" s="1104"/>
      <c r="AI81" s="1104"/>
      <c r="AJ81" s="1104"/>
      <c r="AK81" s="1105"/>
      <c r="AL81" s="1094"/>
      <c r="AM81" s="1077"/>
      <c r="AN81" s="1077"/>
      <c r="AO81" s="1077"/>
      <c r="AP81" s="1086"/>
      <c r="AQ81" s="1113"/>
      <c r="AR81" s="1016"/>
      <c r="AS81" s="1109"/>
      <c r="AT81" s="371"/>
      <c r="AU81" s="1110"/>
      <c r="AV81" s="1016"/>
      <c r="AW81" s="1109"/>
      <c r="AX81" s="371"/>
      <c r="AY81" s="1110"/>
      <c r="AZ81" s="1016"/>
      <c r="BA81" s="1016"/>
      <c r="BB81" s="1016"/>
      <c r="BC81" s="1080"/>
      <c r="BD81" s="1108"/>
      <c r="BE81" s="1083"/>
      <c r="BF81" s="1047"/>
      <c r="BG81" s="1083"/>
      <c r="BH81" s="1047"/>
      <c r="BI81" s="1048"/>
      <c r="BJ81" s="1051"/>
      <c r="BK81" s="1051"/>
      <c r="BL81" s="1051"/>
      <c r="BM81" s="1051"/>
      <c r="BN81" s="1051"/>
      <c r="BO81" s="1051"/>
      <c r="BP81" s="1051"/>
      <c r="BQ81" s="1086"/>
      <c r="BR81" s="300"/>
      <c r="BS81" s="898"/>
      <c r="BT81" s="898"/>
      <c r="BU81" s="898"/>
      <c r="BV81" s="898"/>
      <c r="BW81" s="898"/>
      <c r="BX81" s="898"/>
      <c r="BY81" s="898"/>
      <c r="BZ81" s="829"/>
      <c r="CA81" s="810"/>
    </row>
    <row r="82" spans="1:84" ht="6" customHeight="1" thickBot="1" x14ac:dyDescent="0.25">
      <c r="Y82" s="363"/>
      <c r="Z82" s="363"/>
      <c r="AA82" s="363"/>
      <c r="AB82" s="363"/>
      <c r="AC82" s="363"/>
      <c r="AD82" s="363"/>
      <c r="AE82" s="363"/>
      <c r="AF82" s="363"/>
      <c r="AG82" s="363"/>
      <c r="AH82" s="363"/>
      <c r="AI82" s="363"/>
      <c r="AJ82" s="363"/>
      <c r="AK82" s="363"/>
      <c r="AL82" s="363"/>
      <c r="AM82" s="363"/>
      <c r="AN82" s="363"/>
      <c r="AO82" s="363"/>
      <c r="AP82" s="363"/>
      <c r="AQ82" s="363"/>
      <c r="AR82" s="363"/>
      <c r="AS82" s="363"/>
      <c r="AT82" s="363"/>
      <c r="AU82" s="363"/>
      <c r="AV82" s="363"/>
      <c r="AW82" s="363"/>
      <c r="AX82" s="363"/>
      <c r="AY82" s="363"/>
      <c r="AZ82" s="363"/>
      <c r="BA82" s="363"/>
      <c r="BB82" s="363"/>
      <c r="BC82" s="363"/>
      <c r="BD82" s="363"/>
      <c r="BE82" s="363"/>
      <c r="BF82" s="363"/>
      <c r="BG82" s="363"/>
      <c r="BH82" s="363"/>
      <c r="BI82" s="363"/>
      <c r="BJ82" s="363"/>
      <c r="BK82" s="363"/>
      <c r="BL82" s="363"/>
      <c r="BM82" s="363"/>
      <c r="BN82" s="363"/>
      <c r="BO82" s="363"/>
      <c r="BP82" s="363"/>
      <c r="BQ82" s="363"/>
    </row>
    <row r="83" spans="1:84" ht="8.25" customHeight="1" x14ac:dyDescent="0.2">
      <c r="D83" s="291"/>
      <c r="E83" s="292"/>
      <c r="F83" s="292"/>
      <c r="G83" s="292"/>
      <c r="H83" s="292"/>
      <c r="I83" s="292"/>
      <c r="J83" s="292"/>
      <c r="K83" s="292"/>
      <c r="L83" s="292"/>
      <c r="M83" s="292"/>
      <c r="N83" s="292"/>
      <c r="O83" s="292"/>
      <c r="P83" s="301"/>
      <c r="Q83" s="888" t="s">
        <v>87</v>
      </c>
      <c r="R83" s="872" t="s">
        <v>88</v>
      </c>
      <c r="S83" s="873"/>
      <c r="T83" s="873"/>
      <c r="U83" s="873"/>
      <c r="V83" s="873"/>
      <c r="W83" s="873"/>
      <c r="X83" s="874"/>
      <c r="Y83" s="1055" t="s">
        <v>89</v>
      </c>
      <c r="Z83" s="1056"/>
      <c r="AA83" s="1056"/>
      <c r="AB83" s="1056"/>
      <c r="AC83" s="1056"/>
      <c r="AD83" s="1056"/>
      <c r="AE83" s="1057"/>
      <c r="AF83" s="345"/>
      <c r="AG83" s="345"/>
      <c r="AH83" s="345"/>
      <c r="AI83" s="345"/>
      <c r="AJ83" s="345"/>
      <c r="AK83" s="345"/>
      <c r="AL83" s="346"/>
      <c r="AM83" s="345"/>
      <c r="AN83" s="345"/>
      <c r="AO83" s="345"/>
      <c r="AP83" s="345"/>
      <c r="AQ83" s="345"/>
      <c r="AR83" s="345"/>
      <c r="AS83" s="347"/>
      <c r="AT83" s="345"/>
      <c r="AU83" s="345"/>
      <c r="AV83" s="345"/>
      <c r="AW83" s="345"/>
      <c r="AX83" s="346"/>
      <c r="AY83" s="345"/>
      <c r="AZ83" s="345"/>
      <c r="BA83" s="345"/>
      <c r="BB83" s="345"/>
      <c r="BC83" s="345"/>
      <c r="BD83" s="346"/>
      <c r="BE83" s="345"/>
      <c r="BF83" s="345"/>
      <c r="BG83" s="345"/>
      <c r="BH83" s="345"/>
      <c r="BI83" s="345"/>
      <c r="BJ83" s="346"/>
      <c r="BK83" s="347"/>
      <c r="BL83" s="345"/>
      <c r="BM83" s="345"/>
      <c r="BN83" s="345"/>
      <c r="BO83" s="345"/>
      <c r="BP83" s="345"/>
      <c r="BQ83" s="345"/>
      <c r="BR83" s="15"/>
      <c r="BS83" s="7"/>
      <c r="BT83" s="7"/>
      <c r="BU83" s="7"/>
      <c r="BV83" s="7"/>
      <c r="BW83" s="7"/>
      <c r="BX83" s="7"/>
      <c r="BY83" s="8"/>
      <c r="BZ83" s="766" t="s">
        <v>90</v>
      </c>
      <c r="CA83" s="32"/>
      <c r="CB83" s="32"/>
    </row>
    <row r="84" spans="1:84" ht="8.25" customHeight="1" x14ac:dyDescent="0.2">
      <c r="D84" s="293"/>
      <c r="E84" s="9"/>
      <c r="F84" s="9"/>
      <c r="G84" s="9"/>
      <c r="H84" s="9"/>
      <c r="I84" s="9"/>
      <c r="J84" s="9"/>
      <c r="K84" s="9"/>
      <c r="L84" s="9"/>
      <c r="M84" s="9"/>
      <c r="N84" s="9"/>
      <c r="O84" s="9"/>
      <c r="P84" s="10"/>
      <c r="Q84" s="889"/>
      <c r="R84" s="875"/>
      <c r="S84" s="819"/>
      <c r="T84" s="819"/>
      <c r="U84" s="819"/>
      <c r="V84" s="819"/>
      <c r="W84" s="819"/>
      <c r="X84" s="876"/>
      <c r="Y84" s="1058"/>
      <c r="Z84" s="1037"/>
      <c r="AA84" s="1037"/>
      <c r="AB84" s="1037"/>
      <c r="AC84" s="1037"/>
      <c r="AD84" s="1037"/>
      <c r="AE84" s="1059"/>
      <c r="AF84" s="775" t="s">
        <v>91</v>
      </c>
      <c r="AG84" s="775"/>
      <c r="AH84" s="775"/>
      <c r="AI84" s="775"/>
      <c r="AJ84" s="775"/>
      <c r="AK84" s="775"/>
      <c r="AL84" s="776"/>
      <c r="AM84" s="774" t="s">
        <v>218</v>
      </c>
      <c r="AN84" s="775"/>
      <c r="AO84" s="775"/>
      <c r="AP84" s="775"/>
      <c r="AQ84" s="775"/>
      <c r="AR84" s="776"/>
      <c r="AS84" s="348"/>
      <c r="AT84" s="349"/>
      <c r="AU84" s="349"/>
      <c r="AV84" s="349"/>
      <c r="AW84" s="349"/>
      <c r="AX84" s="350"/>
      <c r="AY84" s="349"/>
      <c r="AZ84" s="349"/>
      <c r="BA84" s="349"/>
      <c r="BB84" s="349"/>
      <c r="BC84" s="349"/>
      <c r="BD84" s="350"/>
      <c r="BE84" s="349"/>
      <c r="BF84" s="349"/>
      <c r="BG84" s="349"/>
      <c r="BH84" s="349"/>
      <c r="BI84" s="349"/>
      <c r="BJ84" s="350"/>
      <c r="BK84" s="348"/>
      <c r="BL84" s="349"/>
      <c r="BM84" s="349"/>
      <c r="BN84" s="349"/>
      <c r="BO84" s="349"/>
      <c r="BP84" s="349"/>
      <c r="BQ84" s="349"/>
      <c r="BR84" s="771" t="s">
        <v>92</v>
      </c>
      <c r="BS84" s="772"/>
      <c r="BT84" s="772"/>
      <c r="BU84" s="772"/>
      <c r="BV84" s="772"/>
      <c r="BW84" s="772"/>
      <c r="BX84" s="772"/>
      <c r="BY84" s="773"/>
      <c r="BZ84" s="767"/>
      <c r="CA84" s="32"/>
      <c r="CB84" s="32"/>
    </row>
    <row r="85" spans="1:84" ht="8.25" customHeight="1" x14ac:dyDescent="0.2">
      <c r="D85" s="293"/>
      <c r="E85" s="870" t="s">
        <v>93</v>
      </c>
      <c r="F85" s="772"/>
      <c r="G85" s="772"/>
      <c r="H85" s="772"/>
      <c r="I85" s="772"/>
      <c r="J85" s="772"/>
      <c r="K85" s="772"/>
      <c r="L85" s="772"/>
      <c r="M85" s="772"/>
      <c r="N85" s="772"/>
      <c r="O85" s="772"/>
      <c r="P85" s="10"/>
      <c r="Q85" s="889"/>
      <c r="R85" s="831" t="s">
        <v>94</v>
      </c>
      <c r="S85" s="823" t="s">
        <v>95</v>
      </c>
      <c r="T85" s="824"/>
      <c r="U85" s="823" t="s">
        <v>96</v>
      </c>
      <c r="V85" s="824"/>
      <c r="W85" s="823" t="s">
        <v>97</v>
      </c>
      <c r="X85" s="824"/>
      <c r="Y85" s="1005" t="s">
        <v>94</v>
      </c>
      <c r="Z85" s="1007" t="s">
        <v>95</v>
      </c>
      <c r="AA85" s="1008"/>
      <c r="AB85" s="1007" t="s">
        <v>96</v>
      </c>
      <c r="AC85" s="1008"/>
      <c r="AD85" s="1007" t="s">
        <v>97</v>
      </c>
      <c r="AE85" s="1009"/>
      <c r="AF85" s="775"/>
      <c r="AG85" s="775"/>
      <c r="AH85" s="775"/>
      <c r="AI85" s="775"/>
      <c r="AJ85" s="775"/>
      <c r="AK85" s="775"/>
      <c r="AL85" s="776"/>
      <c r="AM85" s="774"/>
      <c r="AN85" s="775"/>
      <c r="AO85" s="775"/>
      <c r="AP85" s="775"/>
      <c r="AQ85" s="775"/>
      <c r="AR85" s="776"/>
      <c r="AS85" s="774" t="s">
        <v>98</v>
      </c>
      <c r="AT85" s="775"/>
      <c r="AU85" s="775"/>
      <c r="AV85" s="775"/>
      <c r="AW85" s="775"/>
      <c r="AX85" s="776"/>
      <c r="AY85" s="777" t="s">
        <v>216</v>
      </c>
      <c r="AZ85" s="778"/>
      <c r="BA85" s="778"/>
      <c r="BB85" s="778"/>
      <c r="BC85" s="778"/>
      <c r="BD85" s="779"/>
      <c r="BE85" s="780" t="s">
        <v>217</v>
      </c>
      <c r="BF85" s="781"/>
      <c r="BG85" s="781"/>
      <c r="BH85" s="781"/>
      <c r="BI85" s="781"/>
      <c r="BJ85" s="782"/>
      <c r="BK85" s="774" t="s">
        <v>99</v>
      </c>
      <c r="BL85" s="775"/>
      <c r="BM85" s="775"/>
      <c r="BN85" s="775"/>
      <c r="BO85" s="775"/>
      <c r="BP85" s="775"/>
      <c r="BQ85" s="776"/>
      <c r="BR85" s="771"/>
      <c r="BS85" s="772"/>
      <c r="BT85" s="772"/>
      <c r="BU85" s="772"/>
      <c r="BV85" s="772"/>
      <c r="BW85" s="772"/>
      <c r="BX85" s="772"/>
      <c r="BY85" s="773"/>
      <c r="BZ85" s="767"/>
      <c r="CA85" s="32"/>
      <c r="CB85" s="32"/>
    </row>
    <row r="86" spans="1:84" ht="13.95" customHeight="1" x14ac:dyDescent="0.2">
      <c r="D86" s="293"/>
      <c r="E86" s="772"/>
      <c r="F86" s="772"/>
      <c r="G86" s="772"/>
      <c r="H86" s="772"/>
      <c r="I86" s="772"/>
      <c r="J86" s="772"/>
      <c r="K86" s="772"/>
      <c r="L86" s="772"/>
      <c r="M86" s="772"/>
      <c r="N86" s="772"/>
      <c r="O86" s="772"/>
      <c r="P86" s="10"/>
      <c r="Q86" s="889"/>
      <c r="R86" s="832"/>
      <c r="S86" s="771"/>
      <c r="T86" s="773"/>
      <c r="U86" s="771"/>
      <c r="V86" s="773"/>
      <c r="W86" s="771"/>
      <c r="X86" s="773"/>
      <c r="Y86" s="1006"/>
      <c r="Z86" s="774"/>
      <c r="AA86" s="776"/>
      <c r="AB86" s="774"/>
      <c r="AC86" s="776"/>
      <c r="AD86" s="774"/>
      <c r="AE86" s="1010"/>
      <c r="AF86" s="775" t="s">
        <v>100</v>
      </c>
      <c r="AG86" s="775"/>
      <c r="AH86" s="775"/>
      <c r="AI86" s="775"/>
      <c r="AJ86" s="775"/>
      <c r="AK86" s="775"/>
      <c r="AL86" s="776"/>
      <c r="AM86" s="777" t="s">
        <v>220</v>
      </c>
      <c r="AN86" s="778"/>
      <c r="AO86" s="778"/>
      <c r="AP86" s="778"/>
      <c r="AQ86" s="778"/>
      <c r="AR86" s="779"/>
      <c r="AS86" s="774"/>
      <c r="AT86" s="775"/>
      <c r="AU86" s="775"/>
      <c r="AV86" s="775"/>
      <c r="AW86" s="775"/>
      <c r="AX86" s="776"/>
      <c r="AY86" s="777"/>
      <c r="AZ86" s="778"/>
      <c r="BA86" s="778"/>
      <c r="BB86" s="778"/>
      <c r="BC86" s="778"/>
      <c r="BD86" s="779"/>
      <c r="BE86" s="780"/>
      <c r="BF86" s="781"/>
      <c r="BG86" s="781"/>
      <c r="BH86" s="781"/>
      <c r="BI86" s="781"/>
      <c r="BJ86" s="782"/>
      <c r="BK86" s="774"/>
      <c r="BL86" s="775"/>
      <c r="BM86" s="775"/>
      <c r="BN86" s="775"/>
      <c r="BO86" s="775"/>
      <c r="BP86" s="775"/>
      <c r="BQ86" s="776"/>
      <c r="BR86" s="771" t="s">
        <v>101</v>
      </c>
      <c r="BS86" s="772"/>
      <c r="BT86" s="772"/>
      <c r="BU86" s="772"/>
      <c r="BV86" s="772"/>
      <c r="BW86" s="772"/>
      <c r="BX86" s="772"/>
      <c r="BY86" s="773"/>
      <c r="BZ86" s="767"/>
      <c r="CA86" s="32"/>
      <c r="CB86" s="32"/>
    </row>
    <row r="87" spans="1:84" ht="9" customHeight="1" x14ac:dyDescent="0.2">
      <c r="D87" s="293"/>
      <c r="E87" s="885" t="s">
        <v>139</v>
      </c>
      <c r="F87" s="886"/>
      <c r="G87" s="886"/>
      <c r="H87" s="886"/>
      <c r="I87" s="886"/>
      <c r="J87" s="886"/>
      <c r="K87" s="886"/>
      <c r="L87" s="886"/>
      <c r="M87" s="886"/>
      <c r="N87" s="886"/>
      <c r="O87" s="9"/>
      <c r="P87" s="10"/>
      <c r="Q87" s="889"/>
      <c r="R87" s="832"/>
      <c r="S87" s="771"/>
      <c r="T87" s="773"/>
      <c r="U87" s="771"/>
      <c r="V87" s="773"/>
      <c r="W87" s="771"/>
      <c r="X87" s="773"/>
      <c r="Y87" s="1006"/>
      <c r="Z87" s="774"/>
      <c r="AA87" s="776"/>
      <c r="AB87" s="774"/>
      <c r="AC87" s="776"/>
      <c r="AD87" s="774"/>
      <c r="AE87" s="1010"/>
      <c r="AF87" s="775"/>
      <c r="AG87" s="775"/>
      <c r="AH87" s="775"/>
      <c r="AI87" s="775"/>
      <c r="AJ87" s="775"/>
      <c r="AK87" s="775"/>
      <c r="AL87" s="776"/>
      <c r="AM87" s="777"/>
      <c r="AN87" s="778"/>
      <c r="AO87" s="778"/>
      <c r="AP87" s="778"/>
      <c r="AQ87" s="778"/>
      <c r="AR87" s="779"/>
      <c r="AS87" s="351"/>
      <c r="AT87" s="352"/>
      <c r="AU87" s="352"/>
      <c r="AV87" s="352"/>
      <c r="AW87" s="352"/>
      <c r="AX87" s="353"/>
      <c r="AY87" s="349"/>
      <c r="AZ87" s="349"/>
      <c r="BA87" s="349"/>
      <c r="BB87" s="349"/>
      <c r="BC87" s="349"/>
      <c r="BD87" s="350"/>
      <c r="BE87" s="349"/>
      <c r="BF87" s="349"/>
      <c r="BG87" s="349"/>
      <c r="BH87" s="349"/>
      <c r="BI87" s="349"/>
      <c r="BJ87" s="350"/>
      <c r="BK87" s="348"/>
      <c r="BL87" s="349"/>
      <c r="BM87" s="349"/>
      <c r="BN87" s="349"/>
      <c r="BO87" s="349"/>
      <c r="BP87" s="349"/>
      <c r="BQ87" s="349"/>
      <c r="BR87" s="771"/>
      <c r="BS87" s="772"/>
      <c r="BT87" s="772"/>
      <c r="BU87" s="772"/>
      <c r="BV87" s="772"/>
      <c r="BW87" s="772"/>
      <c r="BX87" s="772"/>
      <c r="BY87" s="773"/>
      <c r="BZ87" s="767"/>
      <c r="CA87" s="32"/>
      <c r="CB87" s="32"/>
    </row>
    <row r="88" spans="1:84" ht="0.45" customHeight="1" x14ac:dyDescent="0.2">
      <c r="D88" s="294">
        <v>13</v>
      </c>
      <c r="E88" s="887"/>
      <c r="F88" s="887"/>
      <c r="G88" s="887"/>
      <c r="H88" s="887"/>
      <c r="I88" s="887"/>
      <c r="J88" s="887"/>
      <c r="K88" s="887"/>
      <c r="L88" s="887"/>
      <c r="M88" s="887"/>
      <c r="N88" s="887"/>
      <c r="O88" s="14"/>
      <c r="P88" s="13">
        <v>25</v>
      </c>
      <c r="Q88" s="342">
        <v>26</v>
      </c>
      <c r="R88" s="26">
        <v>27</v>
      </c>
      <c r="S88" s="12">
        <v>28</v>
      </c>
      <c r="T88" s="13">
        <v>29</v>
      </c>
      <c r="U88" s="12">
        <v>30</v>
      </c>
      <c r="V88" s="13">
        <v>31</v>
      </c>
      <c r="W88" s="12">
        <v>32</v>
      </c>
      <c r="X88" s="13">
        <v>33</v>
      </c>
      <c r="Y88" s="26">
        <v>34</v>
      </c>
      <c r="Z88" s="12">
        <v>35</v>
      </c>
      <c r="AA88" s="13">
        <v>36</v>
      </c>
      <c r="AB88" s="12">
        <v>37</v>
      </c>
      <c r="AC88" s="13">
        <v>38</v>
      </c>
      <c r="AD88" s="12">
        <v>39</v>
      </c>
      <c r="AE88" s="295">
        <v>40</v>
      </c>
      <c r="AF88" s="28">
        <v>41</v>
      </c>
      <c r="AG88" s="27"/>
      <c r="AH88" s="27"/>
      <c r="AI88" s="27"/>
      <c r="AJ88" s="27"/>
      <c r="AK88" s="27"/>
      <c r="AL88" s="13">
        <v>47</v>
      </c>
      <c r="AM88" s="24"/>
      <c r="AN88" s="24"/>
      <c r="AO88" s="24"/>
      <c r="AP88" s="24"/>
      <c r="AQ88" s="24"/>
      <c r="AR88" s="24"/>
      <c r="AS88" s="27"/>
      <c r="AT88" s="27"/>
      <c r="AU88" s="27"/>
      <c r="AV88" s="27"/>
      <c r="AW88" s="27"/>
      <c r="AX88" s="13">
        <v>54</v>
      </c>
      <c r="AY88" s="27"/>
      <c r="AZ88" s="27"/>
      <c r="BA88" s="27"/>
      <c r="BB88" s="27"/>
      <c r="BC88" s="27"/>
      <c r="BD88" s="13">
        <v>61</v>
      </c>
      <c r="BE88" s="27"/>
      <c r="BF88" s="27"/>
      <c r="BG88" s="27"/>
      <c r="BH88" s="27"/>
      <c r="BI88" s="27"/>
      <c r="BJ88" s="13">
        <v>68</v>
      </c>
      <c r="BK88" s="12">
        <v>69</v>
      </c>
      <c r="BL88" s="27"/>
      <c r="BM88" s="27"/>
      <c r="BN88" s="27"/>
      <c r="BO88" s="27"/>
      <c r="BP88" s="27"/>
      <c r="BQ88" s="24">
        <v>75</v>
      </c>
      <c r="BR88" s="12">
        <v>76</v>
      </c>
      <c r="BS88" s="27"/>
      <c r="BT88" s="27"/>
      <c r="BU88" s="27"/>
      <c r="BV88" s="27"/>
      <c r="BW88" s="27"/>
      <c r="BX88" s="24"/>
      <c r="BY88" s="13">
        <v>83</v>
      </c>
      <c r="BZ88" s="26">
        <v>84</v>
      </c>
      <c r="CA88" s="35"/>
      <c r="CB88" s="35"/>
      <c r="CC88" s="36"/>
      <c r="CD88" s="36"/>
      <c r="CE88" s="36"/>
      <c r="CF88" s="36"/>
    </row>
    <row r="89" spans="1:84" ht="8.25" customHeight="1" x14ac:dyDescent="0.2">
      <c r="D89" s="882"/>
      <c r="E89" s="799"/>
      <c r="F89" s="799"/>
      <c r="G89" s="799"/>
      <c r="H89" s="799"/>
      <c r="I89" s="799"/>
      <c r="J89" s="799"/>
      <c r="K89" s="799"/>
      <c r="L89" s="799"/>
      <c r="M89" s="799"/>
      <c r="N89" s="799"/>
      <c r="O89" s="799"/>
      <c r="P89" s="802"/>
      <c r="Q89" s="760"/>
      <c r="R89" s="760"/>
      <c r="S89" s="835"/>
      <c r="T89" s="802"/>
      <c r="U89" s="835"/>
      <c r="V89" s="802"/>
      <c r="W89" s="835"/>
      <c r="X89" s="802"/>
      <c r="Y89" s="760"/>
      <c r="Z89" s="835"/>
      <c r="AA89" s="802"/>
      <c r="AB89" s="835"/>
      <c r="AC89" s="802"/>
      <c r="AD89" s="835"/>
      <c r="AE89" s="851"/>
      <c r="AF89" s="854"/>
      <c r="AG89" s="754"/>
      <c r="AH89" s="748"/>
      <c r="AI89" s="37" t="s">
        <v>102</v>
      </c>
      <c r="AJ89" s="754"/>
      <c r="AK89" s="748"/>
      <c r="AL89" s="37" t="s">
        <v>103</v>
      </c>
      <c r="AM89" s="754"/>
      <c r="AN89" s="748"/>
      <c r="AO89" s="37" t="s">
        <v>102</v>
      </c>
      <c r="AP89" s="754"/>
      <c r="AQ89" s="748"/>
      <c r="AR89" s="37" t="s">
        <v>103</v>
      </c>
      <c r="AS89" s="754"/>
      <c r="AT89" s="748"/>
      <c r="AU89" s="37" t="s">
        <v>102</v>
      </c>
      <c r="AV89" s="754"/>
      <c r="AW89" s="748"/>
      <c r="AX89" s="37" t="s">
        <v>103</v>
      </c>
      <c r="AY89" s="754"/>
      <c r="AZ89" s="748"/>
      <c r="BA89" s="37" t="s">
        <v>102</v>
      </c>
      <c r="BB89" s="754"/>
      <c r="BC89" s="748"/>
      <c r="BD89" s="37" t="s">
        <v>103</v>
      </c>
      <c r="BE89" s="754"/>
      <c r="BF89" s="748"/>
      <c r="BG89" s="37" t="s">
        <v>102</v>
      </c>
      <c r="BH89" s="754"/>
      <c r="BI89" s="748"/>
      <c r="BJ89" s="37" t="s">
        <v>103</v>
      </c>
      <c r="BK89" s="751"/>
      <c r="BL89" s="754"/>
      <c r="BM89" s="748"/>
      <c r="BN89" s="37" t="s">
        <v>102</v>
      </c>
      <c r="BO89" s="754"/>
      <c r="BP89" s="748"/>
      <c r="BQ89" s="38" t="s">
        <v>103</v>
      </c>
      <c r="BR89" s="754"/>
      <c r="BS89" s="765"/>
      <c r="BT89" s="754"/>
      <c r="BU89" s="757"/>
      <c r="BV89" s="39" t="s">
        <v>102</v>
      </c>
      <c r="BW89" s="754"/>
      <c r="BX89" s="757"/>
      <c r="BY89" s="39" t="s">
        <v>103</v>
      </c>
      <c r="BZ89" s="760"/>
      <c r="CA89" s="9"/>
      <c r="CB89" s="9"/>
    </row>
    <row r="90" spans="1:84" ht="8.25" customHeight="1" x14ac:dyDescent="0.2">
      <c r="D90" s="883"/>
      <c r="E90" s="800"/>
      <c r="F90" s="800"/>
      <c r="G90" s="800"/>
      <c r="H90" s="800"/>
      <c r="I90" s="800"/>
      <c r="J90" s="800"/>
      <c r="K90" s="800"/>
      <c r="L90" s="800"/>
      <c r="M90" s="800"/>
      <c r="N90" s="800"/>
      <c r="O90" s="800"/>
      <c r="P90" s="803"/>
      <c r="Q90" s="761"/>
      <c r="R90" s="761"/>
      <c r="S90" s="836"/>
      <c r="T90" s="803"/>
      <c r="U90" s="836"/>
      <c r="V90" s="803"/>
      <c r="W90" s="836"/>
      <c r="X90" s="803"/>
      <c r="Y90" s="761"/>
      <c r="Z90" s="836"/>
      <c r="AA90" s="803"/>
      <c r="AB90" s="836"/>
      <c r="AC90" s="803"/>
      <c r="AD90" s="836"/>
      <c r="AE90" s="852"/>
      <c r="AF90" s="855"/>
      <c r="AG90" s="755"/>
      <c r="AH90" s="749"/>
      <c r="AI90" s="763"/>
      <c r="AJ90" s="755"/>
      <c r="AK90" s="749"/>
      <c r="AL90" s="763"/>
      <c r="AM90" s="755"/>
      <c r="AN90" s="749"/>
      <c r="AO90" s="763"/>
      <c r="AP90" s="755"/>
      <c r="AQ90" s="749"/>
      <c r="AR90" s="763"/>
      <c r="AS90" s="755"/>
      <c r="AT90" s="749"/>
      <c r="AU90" s="763"/>
      <c r="AV90" s="755"/>
      <c r="AW90" s="749"/>
      <c r="AX90" s="763"/>
      <c r="AY90" s="755"/>
      <c r="AZ90" s="749"/>
      <c r="BA90" s="763"/>
      <c r="BB90" s="755"/>
      <c r="BC90" s="749"/>
      <c r="BD90" s="763"/>
      <c r="BE90" s="755"/>
      <c r="BF90" s="749"/>
      <c r="BG90" s="763"/>
      <c r="BH90" s="755"/>
      <c r="BI90" s="749"/>
      <c r="BJ90" s="763"/>
      <c r="BK90" s="752"/>
      <c r="BL90" s="755"/>
      <c r="BM90" s="749"/>
      <c r="BN90" s="763"/>
      <c r="BO90" s="755"/>
      <c r="BP90" s="749"/>
      <c r="BQ90" s="763"/>
      <c r="BR90" s="755"/>
      <c r="BS90" s="763"/>
      <c r="BT90" s="755"/>
      <c r="BU90" s="758"/>
      <c r="BV90" s="763"/>
      <c r="BW90" s="755"/>
      <c r="BX90" s="758"/>
      <c r="BY90" s="763"/>
      <c r="BZ90" s="761"/>
      <c r="CA90" s="9"/>
      <c r="CB90" s="9"/>
    </row>
    <row r="91" spans="1:84" ht="8.25" customHeight="1" thickBot="1" x14ac:dyDescent="0.25">
      <c r="D91" s="884"/>
      <c r="E91" s="877"/>
      <c r="F91" s="877"/>
      <c r="G91" s="877"/>
      <c r="H91" s="877"/>
      <c r="I91" s="877"/>
      <c r="J91" s="877"/>
      <c r="K91" s="877"/>
      <c r="L91" s="877"/>
      <c r="M91" s="877"/>
      <c r="N91" s="877"/>
      <c r="O91" s="877"/>
      <c r="P91" s="850"/>
      <c r="Q91" s="786"/>
      <c r="R91" s="786"/>
      <c r="S91" s="837"/>
      <c r="T91" s="850"/>
      <c r="U91" s="837"/>
      <c r="V91" s="850"/>
      <c r="W91" s="837"/>
      <c r="X91" s="850"/>
      <c r="Y91" s="786"/>
      <c r="Z91" s="837"/>
      <c r="AA91" s="850"/>
      <c r="AB91" s="837"/>
      <c r="AC91" s="850"/>
      <c r="AD91" s="837"/>
      <c r="AE91" s="853"/>
      <c r="AF91" s="856"/>
      <c r="AG91" s="756"/>
      <c r="AH91" s="750"/>
      <c r="AI91" s="764"/>
      <c r="AJ91" s="756"/>
      <c r="AK91" s="750"/>
      <c r="AL91" s="764"/>
      <c r="AM91" s="756"/>
      <c r="AN91" s="750"/>
      <c r="AO91" s="764"/>
      <c r="AP91" s="756"/>
      <c r="AQ91" s="750"/>
      <c r="AR91" s="764"/>
      <c r="AS91" s="756"/>
      <c r="AT91" s="750"/>
      <c r="AU91" s="764"/>
      <c r="AV91" s="756"/>
      <c r="AW91" s="750"/>
      <c r="AX91" s="764"/>
      <c r="AY91" s="756"/>
      <c r="AZ91" s="750"/>
      <c r="BA91" s="764"/>
      <c r="BB91" s="756"/>
      <c r="BC91" s="750"/>
      <c r="BD91" s="764"/>
      <c r="BE91" s="756"/>
      <c r="BF91" s="750"/>
      <c r="BG91" s="764"/>
      <c r="BH91" s="756"/>
      <c r="BI91" s="750"/>
      <c r="BJ91" s="764"/>
      <c r="BK91" s="753"/>
      <c r="BL91" s="756"/>
      <c r="BM91" s="750"/>
      <c r="BN91" s="764"/>
      <c r="BO91" s="756"/>
      <c r="BP91" s="750"/>
      <c r="BQ91" s="764"/>
      <c r="BR91" s="756"/>
      <c r="BS91" s="764"/>
      <c r="BT91" s="756"/>
      <c r="BU91" s="759"/>
      <c r="BV91" s="764"/>
      <c r="BW91" s="756"/>
      <c r="BX91" s="759"/>
      <c r="BY91" s="764"/>
      <c r="BZ91" s="762"/>
      <c r="CA91" s="9"/>
      <c r="CB91" s="9"/>
    </row>
    <row r="92" spans="1:84" ht="8.25" customHeight="1" x14ac:dyDescent="0.2"/>
    <row r="93" spans="1:84" ht="8.25" customHeight="1" x14ac:dyDescent="0.2"/>
    <row r="94" spans="1:84" ht="8.25" customHeight="1" x14ac:dyDescent="0.2"/>
    <row r="95" spans="1:84" ht="8.25" customHeight="1" x14ac:dyDescent="0.2"/>
    <row r="96" spans="1:84" ht="8.25" customHeight="1" x14ac:dyDescent="0.2"/>
    <row r="97" ht="8.25" customHeight="1" x14ac:dyDescent="0.2"/>
    <row r="98" ht="8.25" customHeight="1" x14ac:dyDescent="0.2"/>
    <row r="99" ht="8.25" customHeight="1" x14ac:dyDescent="0.2"/>
    <row r="100" ht="9" customHeight="1" x14ac:dyDescent="0.2"/>
    <row r="101" ht="9" customHeight="1" x14ac:dyDescent="0.2"/>
    <row r="102" ht="9" customHeight="1" x14ac:dyDescent="0.2"/>
    <row r="103" ht="9" customHeight="1" x14ac:dyDescent="0.2"/>
    <row r="104" ht="9" customHeight="1" x14ac:dyDescent="0.2"/>
    <row r="105" ht="9" customHeight="1" x14ac:dyDescent="0.2"/>
    <row r="106" ht="9" customHeight="1" x14ac:dyDescent="0.2"/>
    <row r="107" ht="9" customHeight="1" x14ac:dyDescent="0.2"/>
    <row r="108" ht="9" customHeight="1" x14ac:dyDescent="0.2"/>
    <row r="109" ht="9" customHeight="1" x14ac:dyDescent="0.2"/>
    <row r="110" ht="9" customHeight="1" x14ac:dyDescent="0.2"/>
    <row r="111" ht="9" customHeight="1" x14ac:dyDescent="0.2"/>
    <row r="112" ht="9" customHeight="1" x14ac:dyDescent="0.2"/>
    <row r="113" ht="9" customHeight="1" x14ac:dyDescent="0.2"/>
    <row r="114" ht="9" customHeight="1" x14ac:dyDescent="0.2"/>
    <row r="115" ht="9" customHeight="1" x14ac:dyDescent="0.2"/>
    <row r="116" ht="9" customHeight="1" x14ac:dyDescent="0.2"/>
    <row r="117" ht="9" customHeight="1" x14ac:dyDescent="0.2"/>
    <row r="118" ht="9" customHeight="1" x14ac:dyDescent="0.2"/>
    <row r="119" ht="9" customHeight="1" x14ac:dyDescent="0.2"/>
    <row r="120" ht="9" customHeight="1" x14ac:dyDescent="0.2"/>
    <row r="121" ht="9" customHeight="1" x14ac:dyDescent="0.2"/>
    <row r="122" ht="9" customHeight="1" x14ac:dyDescent="0.2"/>
    <row r="123" ht="9" customHeight="1" x14ac:dyDescent="0.2"/>
    <row r="124" ht="9" customHeight="1" x14ac:dyDescent="0.2"/>
    <row r="125" ht="9" customHeight="1" x14ac:dyDescent="0.2"/>
    <row r="126" ht="9" customHeight="1" x14ac:dyDescent="0.2"/>
    <row r="127" ht="9" customHeight="1" x14ac:dyDescent="0.2"/>
    <row r="128" ht="9" customHeight="1" x14ac:dyDescent="0.2"/>
    <row r="129" ht="9" customHeight="1" x14ac:dyDescent="0.2"/>
    <row r="130" ht="9" customHeight="1" x14ac:dyDescent="0.2"/>
    <row r="131" ht="9" customHeight="1" x14ac:dyDescent="0.2"/>
    <row r="132" ht="9" customHeight="1" x14ac:dyDescent="0.2"/>
    <row r="133" ht="9" customHeight="1" x14ac:dyDescent="0.2"/>
    <row r="134" ht="9" customHeight="1" x14ac:dyDescent="0.2"/>
    <row r="135" ht="9" customHeight="1" x14ac:dyDescent="0.2"/>
    <row r="136" ht="9" customHeight="1" x14ac:dyDescent="0.2"/>
    <row r="137" ht="9" customHeight="1" x14ac:dyDescent="0.2"/>
    <row r="138" ht="9" customHeight="1" x14ac:dyDescent="0.2"/>
    <row r="139" ht="9" customHeight="1" x14ac:dyDescent="0.2"/>
    <row r="140" ht="9" customHeight="1" x14ac:dyDescent="0.2"/>
    <row r="141" ht="9" customHeight="1" x14ac:dyDescent="0.2"/>
    <row r="142" ht="9" customHeight="1" x14ac:dyDescent="0.2"/>
    <row r="143" ht="9" customHeight="1" x14ac:dyDescent="0.2"/>
    <row r="144" ht="9" customHeight="1" x14ac:dyDescent="0.2"/>
    <row r="145" ht="9" customHeight="1" x14ac:dyDescent="0.2"/>
    <row r="146" ht="9" customHeight="1" x14ac:dyDescent="0.2"/>
    <row r="147" ht="9" customHeight="1" x14ac:dyDescent="0.2"/>
    <row r="148" ht="9" customHeight="1" x14ac:dyDescent="0.2"/>
    <row r="149" ht="9" customHeight="1" x14ac:dyDescent="0.2"/>
    <row r="150" ht="9" customHeight="1" x14ac:dyDescent="0.2"/>
    <row r="151" ht="9" customHeight="1" x14ac:dyDescent="0.2"/>
    <row r="152" ht="9"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row r="174" ht="9" customHeight="1" x14ac:dyDescent="0.2"/>
    <row r="175" ht="9" customHeight="1" x14ac:dyDescent="0.2"/>
    <row r="176" ht="9" customHeight="1" x14ac:dyDescent="0.2"/>
    <row r="177" ht="9" customHeight="1" x14ac:dyDescent="0.2"/>
    <row r="178" ht="9" customHeight="1" x14ac:dyDescent="0.2"/>
    <row r="179" ht="9" customHeight="1" x14ac:dyDescent="0.2"/>
    <row r="180" ht="9" customHeight="1" x14ac:dyDescent="0.2"/>
    <row r="181" ht="9" customHeight="1" x14ac:dyDescent="0.2"/>
    <row r="182" ht="9" customHeight="1" x14ac:dyDescent="0.2"/>
    <row r="183" ht="9" customHeight="1" x14ac:dyDescent="0.2"/>
    <row r="184" ht="9" customHeight="1" x14ac:dyDescent="0.2"/>
    <row r="185" ht="9" customHeight="1" x14ac:dyDescent="0.2"/>
    <row r="186" ht="9" customHeight="1" x14ac:dyDescent="0.2"/>
    <row r="187" ht="9" customHeight="1" x14ac:dyDescent="0.2"/>
    <row r="188" ht="9" customHeight="1" x14ac:dyDescent="0.2"/>
    <row r="189" ht="9" customHeight="1" x14ac:dyDescent="0.2"/>
    <row r="190" ht="9" customHeight="1" x14ac:dyDescent="0.2"/>
    <row r="191" ht="9" customHeight="1" x14ac:dyDescent="0.2"/>
    <row r="192" ht="9" customHeight="1" x14ac:dyDescent="0.2"/>
    <row r="193" ht="9" customHeight="1" x14ac:dyDescent="0.2"/>
    <row r="194" ht="9" customHeight="1" x14ac:dyDescent="0.2"/>
    <row r="195" ht="9" customHeight="1" x14ac:dyDescent="0.2"/>
    <row r="196" ht="9" customHeight="1" x14ac:dyDescent="0.2"/>
    <row r="197" ht="9" customHeight="1" x14ac:dyDescent="0.2"/>
    <row r="198" ht="9" customHeight="1" x14ac:dyDescent="0.2"/>
    <row r="199" ht="9" customHeight="1" x14ac:dyDescent="0.2"/>
    <row r="200" ht="9" customHeight="1" x14ac:dyDescent="0.2"/>
    <row r="201" ht="9" customHeight="1" x14ac:dyDescent="0.2"/>
    <row r="202" ht="9" customHeight="1" x14ac:dyDescent="0.2"/>
    <row r="203" ht="9" customHeight="1" x14ac:dyDescent="0.2"/>
    <row r="204" ht="9" customHeight="1" x14ac:dyDescent="0.2"/>
    <row r="205" ht="9" customHeight="1" x14ac:dyDescent="0.2"/>
    <row r="206" ht="9" customHeight="1" x14ac:dyDescent="0.2"/>
    <row r="207" ht="9" customHeight="1" x14ac:dyDescent="0.2"/>
    <row r="208" ht="9" customHeight="1" x14ac:dyDescent="0.2"/>
    <row r="209" ht="9" customHeight="1" x14ac:dyDescent="0.2"/>
    <row r="210" ht="9" customHeight="1" x14ac:dyDescent="0.2"/>
    <row r="211" ht="9" customHeight="1" x14ac:dyDescent="0.2"/>
    <row r="212" ht="9" customHeight="1" x14ac:dyDescent="0.2"/>
    <row r="213" ht="9" customHeight="1" x14ac:dyDescent="0.2"/>
    <row r="214" ht="9" customHeight="1" x14ac:dyDescent="0.2"/>
    <row r="215" ht="9" customHeight="1" x14ac:dyDescent="0.2"/>
    <row r="216" ht="9" customHeight="1" x14ac:dyDescent="0.2"/>
    <row r="217" ht="9" customHeight="1" x14ac:dyDescent="0.2"/>
    <row r="218" ht="9" customHeight="1" x14ac:dyDescent="0.2"/>
    <row r="219" ht="9" customHeight="1" x14ac:dyDescent="0.2"/>
    <row r="220" ht="9" customHeight="1" x14ac:dyDescent="0.2"/>
    <row r="221" ht="9" customHeight="1" x14ac:dyDescent="0.2"/>
    <row r="222" ht="9" customHeight="1" x14ac:dyDescent="0.2"/>
    <row r="223" ht="9" customHeight="1" x14ac:dyDescent="0.2"/>
    <row r="224" ht="9" customHeight="1" x14ac:dyDescent="0.2"/>
    <row r="225" ht="9" customHeight="1" x14ac:dyDescent="0.2"/>
    <row r="226" ht="9" customHeight="1" x14ac:dyDescent="0.2"/>
    <row r="227" ht="9" customHeight="1" x14ac:dyDescent="0.2"/>
    <row r="228" ht="9" customHeight="1" x14ac:dyDescent="0.2"/>
    <row r="229" ht="9" customHeight="1" x14ac:dyDescent="0.2"/>
    <row r="230" ht="9" customHeight="1" x14ac:dyDescent="0.2"/>
    <row r="231" ht="9" customHeight="1" x14ac:dyDescent="0.2"/>
    <row r="232" ht="9" customHeight="1" x14ac:dyDescent="0.2"/>
    <row r="233" ht="9" customHeight="1" x14ac:dyDescent="0.2"/>
    <row r="234" ht="9" customHeight="1" x14ac:dyDescent="0.2"/>
    <row r="235" ht="9" customHeight="1" x14ac:dyDescent="0.2"/>
    <row r="236" ht="9" customHeight="1" x14ac:dyDescent="0.2"/>
    <row r="237" ht="9" customHeight="1" x14ac:dyDescent="0.2"/>
    <row r="238" ht="9" customHeight="1" x14ac:dyDescent="0.2"/>
    <row r="239" ht="9" customHeight="1" x14ac:dyDescent="0.2"/>
    <row r="240" ht="9" customHeight="1" x14ac:dyDescent="0.2"/>
    <row r="241" ht="9" customHeight="1" x14ac:dyDescent="0.2"/>
    <row r="242" ht="9" customHeight="1" x14ac:dyDescent="0.2"/>
    <row r="243" ht="9" customHeight="1" x14ac:dyDescent="0.2"/>
    <row r="244" ht="9" customHeight="1" x14ac:dyDescent="0.2"/>
    <row r="245" ht="9" customHeight="1" x14ac:dyDescent="0.2"/>
    <row r="246" ht="9" customHeight="1" x14ac:dyDescent="0.2"/>
    <row r="247" ht="9" customHeight="1" x14ac:dyDescent="0.2"/>
    <row r="248" ht="9" customHeight="1" x14ac:dyDescent="0.2"/>
    <row r="249" ht="9" customHeight="1" x14ac:dyDescent="0.2"/>
    <row r="250" ht="9" customHeight="1" x14ac:dyDescent="0.2"/>
    <row r="251" ht="9" customHeight="1" x14ac:dyDescent="0.2"/>
    <row r="252" ht="9" customHeight="1" x14ac:dyDescent="0.2"/>
    <row r="253" ht="9" customHeight="1" x14ac:dyDescent="0.2"/>
  </sheetData>
  <mergeCells count="702">
    <mergeCell ref="BS19:BY21"/>
    <mergeCell ref="BH19:BI21"/>
    <mergeCell ref="BF19:BG21"/>
    <mergeCell ref="BD19:BE21"/>
    <mergeCell ref="BA19:BA21"/>
    <mergeCell ref="BH59:BI61"/>
    <mergeCell ref="AU59:AU61"/>
    <mergeCell ref="AQ49:AQ51"/>
    <mergeCell ref="AD59:AK61"/>
    <mergeCell ref="BD59:BE61"/>
    <mergeCell ref="AE29:AE31"/>
    <mergeCell ref="AD29:AD31"/>
    <mergeCell ref="AF26:AL27"/>
    <mergeCell ref="AJ29:AJ31"/>
    <mergeCell ref="AI30:AI31"/>
    <mergeCell ref="AH29:AH31"/>
    <mergeCell ref="AT29:AT31"/>
    <mergeCell ref="AN29:AN31"/>
    <mergeCell ref="AZ19:AZ21"/>
    <mergeCell ref="AP39:AP41"/>
    <mergeCell ref="BB39:BB41"/>
    <mergeCell ref="BC39:BC41"/>
    <mergeCell ref="BF39:BG41"/>
    <mergeCell ref="AF46:AL47"/>
    <mergeCell ref="BZ18:CA18"/>
    <mergeCell ref="BG90:BG91"/>
    <mergeCell ref="BH89:BH91"/>
    <mergeCell ref="BI89:BI91"/>
    <mergeCell ref="BN90:BN91"/>
    <mergeCell ref="AW89:AW91"/>
    <mergeCell ref="AZ89:AZ91"/>
    <mergeCell ref="BK89:BK91"/>
    <mergeCell ref="BS89:BS91"/>
    <mergeCell ref="BJ59:BP61"/>
    <mergeCell ref="BQ59:BQ61"/>
    <mergeCell ref="BR49:BR51"/>
    <mergeCell ref="BZ79:CA81"/>
    <mergeCell ref="BQ79:BQ81"/>
    <mergeCell ref="BS79:BY81"/>
    <mergeCell ref="BJ79:BP81"/>
    <mergeCell ref="BZ19:CA21"/>
    <mergeCell ref="BQ19:BQ21"/>
    <mergeCell ref="BJ19:BP21"/>
    <mergeCell ref="BD79:BE81"/>
    <mergeCell ref="BC79:BC81"/>
    <mergeCell ref="BD58:BE58"/>
    <mergeCell ref="BE29:BE31"/>
    <mergeCell ref="BD30:BD31"/>
    <mergeCell ref="AG89:AG91"/>
    <mergeCell ref="AH89:AH91"/>
    <mergeCell ref="AJ89:AJ91"/>
    <mergeCell ref="AI90:AI91"/>
    <mergeCell ref="AP89:AP91"/>
    <mergeCell ref="AS89:AS91"/>
    <mergeCell ref="AE89:AE91"/>
    <mergeCell ref="AG49:AG51"/>
    <mergeCell ref="AH49:AH51"/>
    <mergeCell ref="AJ49:AJ51"/>
    <mergeCell ref="AK49:AK51"/>
    <mergeCell ref="AQ59:AQ61"/>
    <mergeCell ref="AR59:AR61"/>
    <mergeCell ref="AS59:AS61"/>
    <mergeCell ref="AS79:AS81"/>
    <mergeCell ref="AP79:AP81"/>
    <mergeCell ref="AL79:AO81"/>
    <mergeCell ref="AQ79:AQ81"/>
    <mergeCell ref="AM69:AM71"/>
    <mergeCell ref="AN69:AN71"/>
    <mergeCell ref="AF69:AF71"/>
    <mergeCell ref="AP69:AP71"/>
    <mergeCell ref="AS69:AS71"/>
    <mergeCell ref="AE49:AE51"/>
    <mergeCell ref="AB89:AB91"/>
    <mergeCell ref="AC89:AC91"/>
    <mergeCell ref="AD89:AD91"/>
    <mergeCell ref="AV79:AV81"/>
    <mergeCell ref="AW79:AW81"/>
    <mergeCell ref="AY79:AY81"/>
    <mergeCell ref="Y79:AA81"/>
    <mergeCell ref="H89:H91"/>
    <mergeCell ref="I89:I91"/>
    <mergeCell ref="J89:J91"/>
    <mergeCell ref="K89:K91"/>
    <mergeCell ref="X89:X91"/>
    <mergeCell ref="AV89:AV91"/>
    <mergeCell ref="AY89:AY91"/>
    <mergeCell ref="AQ89:AQ91"/>
    <mergeCell ref="AT89:AT91"/>
    <mergeCell ref="Y89:Y91"/>
    <mergeCell ref="Z89:Z91"/>
    <mergeCell ref="AA89:AA91"/>
    <mergeCell ref="AK89:AK91"/>
    <mergeCell ref="AM89:AM91"/>
    <mergeCell ref="AN89:AN91"/>
    <mergeCell ref="AL90:AL91"/>
    <mergeCell ref="AF89:AF91"/>
    <mergeCell ref="AU79:AU81"/>
    <mergeCell ref="BH79:BI81"/>
    <mergeCell ref="AZ79:AZ81"/>
    <mergeCell ref="BA79:BA81"/>
    <mergeCell ref="BB79:BB81"/>
    <mergeCell ref="D89:D91"/>
    <mergeCell ref="E89:E91"/>
    <mergeCell ref="F89:F91"/>
    <mergeCell ref="G89:G91"/>
    <mergeCell ref="BF79:BG81"/>
    <mergeCell ref="T89:T91"/>
    <mergeCell ref="U89:U91"/>
    <mergeCell ref="V89:V91"/>
    <mergeCell ref="W89:W91"/>
    <mergeCell ref="P89:P91"/>
    <mergeCell ref="Q89:Q91"/>
    <mergeCell ref="R89:R91"/>
    <mergeCell ref="S89:S91"/>
    <mergeCell ref="L89:L91"/>
    <mergeCell ref="M89:M91"/>
    <mergeCell ref="N89:N91"/>
    <mergeCell ref="O89:O91"/>
    <mergeCell ref="AC79:AC81"/>
    <mergeCell ref="AR79:AR81"/>
    <mergeCell ref="A79:A81"/>
    <mergeCell ref="B79:B81"/>
    <mergeCell ref="C79:C81"/>
    <mergeCell ref="D79:E81"/>
    <mergeCell ref="AD79:AK81"/>
    <mergeCell ref="F79:G81"/>
    <mergeCell ref="H79:I81"/>
    <mergeCell ref="L79:M81"/>
    <mergeCell ref="N79:O81"/>
    <mergeCell ref="P79:Q81"/>
    <mergeCell ref="R79:S81"/>
    <mergeCell ref="T79:V81"/>
    <mergeCell ref="W79:W81"/>
    <mergeCell ref="X79:X81"/>
    <mergeCell ref="AB79:AB81"/>
    <mergeCell ref="J79:K81"/>
    <mergeCell ref="BJ74:BP75"/>
    <mergeCell ref="AL75:AO77"/>
    <mergeCell ref="AP75:AP77"/>
    <mergeCell ref="AQ75:BC77"/>
    <mergeCell ref="BR69:BR71"/>
    <mergeCell ref="BT69:BT71"/>
    <mergeCell ref="AV69:AV71"/>
    <mergeCell ref="AY69:AY71"/>
    <mergeCell ref="AQ69:AQ71"/>
    <mergeCell ref="AT69:AT71"/>
    <mergeCell ref="BQ73:BQ77"/>
    <mergeCell ref="BR73:BY74"/>
    <mergeCell ref="BJ76:BP77"/>
    <mergeCell ref="Z65:AA67"/>
    <mergeCell ref="G69:G71"/>
    <mergeCell ref="H69:H71"/>
    <mergeCell ref="BU69:BU71"/>
    <mergeCell ref="BM69:BM71"/>
    <mergeCell ref="BO69:BO71"/>
    <mergeCell ref="BP69:BP71"/>
    <mergeCell ref="AH69:AH71"/>
    <mergeCell ref="AJ69:AJ71"/>
    <mergeCell ref="AB69:AB71"/>
    <mergeCell ref="AC69:AC71"/>
    <mergeCell ref="AD69:AD71"/>
    <mergeCell ref="AE69:AE71"/>
    <mergeCell ref="AK69:AK71"/>
    <mergeCell ref="BB69:BB71"/>
    <mergeCell ref="AW69:AW71"/>
    <mergeCell ref="A59:A61"/>
    <mergeCell ref="B59:B61"/>
    <mergeCell ref="C59:C61"/>
    <mergeCell ref="D59:E61"/>
    <mergeCell ref="R59:S61"/>
    <mergeCell ref="T59:V61"/>
    <mergeCell ref="J69:J71"/>
    <mergeCell ref="K69:K71"/>
    <mergeCell ref="L69:L71"/>
    <mergeCell ref="M69:M71"/>
    <mergeCell ref="N69:N71"/>
    <mergeCell ref="O69:O71"/>
    <mergeCell ref="D69:D71"/>
    <mergeCell ref="E69:E71"/>
    <mergeCell ref="F69:F71"/>
    <mergeCell ref="T55:V57"/>
    <mergeCell ref="W55:X57"/>
    <mergeCell ref="Y55:AA57"/>
    <mergeCell ref="W59:W61"/>
    <mergeCell ref="X59:X61"/>
    <mergeCell ref="F59:G61"/>
    <mergeCell ref="H59:I61"/>
    <mergeCell ref="J59:K61"/>
    <mergeCell ref="L59:M61"/>
    <mergeCell ref="N59:O61"/>
    <mergeCell ref="P59:Q61"/>
    <mergeCell ref="F55:Q56"/>
    <mergeCell ref="AF49:AF51"/>
    <mergeCell ref="Y49:Y51"/>
    <mergeCell ref="Z49:Z51"/>
    <mergeCell ref="N39:O41"/>
    <mergeCell ref="P39:Q41"/>
    <mergeCell ref="R39:S41"/>
    <mergeCell ref="AS49:AS51"/>
    <mergeCell ref="AB49:AB51"/>
    <mergeCell ref="U49:U51"/>
    <mergeCell ref="V49:V51"/>
    <mergeCell ref="W49:W51"/>
    <mergeCell ref="S49:S51"/>
    <mergeCell ref="T49:T51"/>
    <mergeCell ref="J49:J51"/>
    <mergeCell ref="AC49:AC51"/>
    <mergeCell ref="Y39:AA41"/>
    <mergeCell ref="L39:M41"/>
    <mergeCell ref="F35:Q36"/>
    <mergeCell ref="T35:V37"/>
    <mergeCell ref="A39:A41"/>
    <mergeCell ref="B39:B41"/>
    <mergeCell ref="C39:C41"/>
    <mergeCell ref="D39:E41"/>
    <mergeCell ref="F39:G41"/>
    <mergeCell ref="H39:I41"/>
    <mergeCell ref="J39:K41"/>
    <mergeCell ref="Y43:AE44"/>
    <mergeCell ref="E45:O46"/>
    <mergeCell ref="R45:R47"/>
    <mergeCell ref="S45:T47"/>
    <mergeCell ref="U45:V47"/>
    <mergeCell ref="AC39:AC41"/>
    <mergeCell ref="T39:V41"/>
    <mergeCell ref="W39:W41"/>
    <mergeCell ref="X39:X41"/>
    <mergeCell ref="A2:CC2"/>
    <mergeCell ref="AP15:AP17"/>
    <mergeCell ref="AP13:BC14"/>
    <mergeCell ref="AQ15:BC17"/>
    <mergeCell ref="BD14:BI14"/>
    <mergeCell ref="BD13:BI13"/>
    <mergeCell ref="BH15:BH17"/>
    <mergeCell ref="BG15:BG17"/>
    <mergeCell ref="BE15:BE17"/>
    <mergeCell ref="BD15:BD17"/>
    <mergeCell ref="AB15:AC17"/>
    <mergeCell ref="Y15:AA17"/>
    <mergeCell ref="A3:B5"/>
    <mergeCell ref="C3:G5"/>
    <mergeCell ref="C8:C9"/>
    <mergeCell ref="A8:B9"/>
    <mergeCell ref="A14:C17"/>
    <mergeCell ref="BK4:BM8"/>
    <mergeCell ref="BF4:BH8"/>
    <mergeCell ref="BI6:BJ8"/>
    <mergeCell ref="BN6:BO8"/>
    <mergeCell ref="BQ3:CC4"/>
    <mergeCell ref="D7:G10"/>
    <mergeCell ref="BQ5:CC8"/>
    <mergeCell ref="A19:A21"/>
    <mergeCell ref="L19:M21"/>
    <mergeCell ref="J19:K21"/>
    <mergeCell ref="H19:I21"/>
    <mergeCell ref="F19:G21"/>
    <mergeCell ref="C19:C21"/>
    <mergeCell ref="B19:B21"/>
    <mergeCell ref="Y19:AA21"/>
    <mergeCell ref="X19:X21"/>
    <mergeCell ref="D19:E21"/>
    <mergeCell ref="R19:S21"/>
    <mergeCell ref="P19:Q21"/>
    <mergeCell ref="N19:O21"/>
    <mergeCell ref="T19:V21"/>
    <mergeCell ref="W19:W21"/>
    <mergeCell ref="AY19:AY21"/>
    <mergeCell ref="W45:X47"/>
    <mergeCell ref="K49:K51"/>
    <mergeCell ref="L49:L51"/>
    <mergeCell ref="M49:M51"/>
    <mergeCell ref="N49:N51"/>
    <mergeCell ref="O49:O51"/>
    <mergeCell ref="P49:P51"/>
    <mergeCell ref="Q43:Q47"/>
    <mergeCell ref="R43:X44"/>
    <mergeCell ref="E47:N48"/>
    <mergeCell ref="AW39:AW41"/>
    <mergeCell ref="AY39:AY41"/>
    <mergeCell ref="Y35:AA37"/>
    <mergeCell ref="AB35:AC37"/>
    <mergeCell ref="T33:X34"/>
    <mergeCell ref="X29:X31"/>
    <mergeCell ref="U29:U31"/>
    <mergeCell ref="T29:T31"/>
    <mergeCell ref="F29:F31"/>
    <mergeCell ref="AC29:AC31"/>
    <mergeCell ref="X49:X51"/>
    <mergeCell ref="Q49:Q51"/>
    <mergeCell ref="R49:R51"/>
    <mergeCell ref="D49:D51"/>
    <mergeCell ref="E49:E51"/>
    <mergeCell ref="AC19:AC21"/>
    <mergeCell ref="AB19:AB21"/>
    <mergeCell ref="AV19:AV21"/>
    <mergeCell ref="AQ19:AQ21"/>
    <mergeCell ref="AP19:AP21"/>
    <mergeCell ref="AL19:AO21"/>
    <mergeCell ref="AU19:AU21"/>
    <mergeCell ref="AS19:AS21"/>
    <mergeCell ref="AN49:AN51"/>
    <mergeCell ref="AQ39:AQ41"/>
    <mergeCell ref="AR39:AR41"/>
    <mergeCell ref="AS39:AS41"/>
    <mergeCell ref="AU39:AU41"/>
    <mergeCell ref="AD49:AD51"/>
    <mergeCell ref="Y33:AO34"/>
    <mergeCell ref="AP35:AP37"/>
    <mergeCell ref="AQ35:BC37"/>
    <mergeCell ref="AD35:AK37"/>
    <mergeCell ref="AV39:AV41"/>
    <mergeCell ref="AD19:AK21"/>
    <mergeCell ref="AR19:AR21"/>
    <mergeCell ref="BC19:BC21"/>
    <mergeCell ref="BZ59:CA61"/>
    <mergeCell ref="BV50:BV51"/>
    <mergeCell ref="BT49:BT51"/>
    <mergeCell ref="BU49:BU51"/>
    <mergeCell ref="BZ39:CA41"/>
    <mergeCell ref="BD39:BE41"/>
    <mergeCell ref="AV59:AV61"/>
    <mergeCell ref="AW59:AW61"/>
    <mergeCell ref="AY59:AY61"/>
    <mergeCell ref="AY49:AY51"/>
    <mergeCell ref="AW49:AW51"/>
    <mergeCell ref="AZ49:AZ51"/>
    <mergeCell ref="BF58:BG58"/>
    <mergeCell ref="AV49:AV51"/>
    <mergeCell ref="BN50:BN51"/>
    <mergeCell ref="BK49:BK51"/>
    <mergeCell ref="BS49:BS51"/>
    <mergeCell ref="BX49:BX51"/>
    <mergeCell ref="BW49:BW51"/>
    <mergeCell ref="BD50:BD51"/>
    <mergeCell ref="BO49:BO51"/>
    <mergeCell ref="BP49:BP51"/>
    <mergeCell ref="BQ39:BQ41"/>
    <mergeCell ref="BS39:BY41"/>
    <mergeCell ref="AL59:AO61"/>
    <mergeCell ref="AF44:AL45"/>
    <mergeCell ref="AT49:AT51"/>
    <mergeCell ref="AL38:AO38"/>
    <mergeCell ref="AL35:AO37"/>
    <mergeCell ref="AL39:AO41"/>
    <mergeCell ref="AB39:AB41"/>
    <mergeCell ref="E25:O26"/>
    <mergeCell ref="AA29:AA31"/>
    <mergeCell ref="Z29:Z31"/>
    <mergeCell ref="Y29:Y31"/>
    <mergeCell ref="O29:O31"/>
    <mergeCell ref="N29:N31"/>
    <mergeCell ref="M29:M31"/>
    <mergeCell ref="AA49:AA51"/>
    <mergeCell ref="F49:F51"/>
    <mergeCell ref="G49:G51"/>
    <mergeCell ref="H49:H51"/>
    <mergeCell ref="I49:I51"/>
    <mergeCell ref="AP33:BC34"/>
    <mergeCell ref="AD39:AK41"/>
    <mergeCell ref="AI50:AI51"/>
    <mergeCell ref="AL50:AL51"/>
    <mergeCell ref="AM49:AM51"/>
    <mergeCell ref="Y13:AO14"/>
    <mergeCell ref="AL18:AO18"/>
    <mergeCell ref="AG29:AG31"/>
    <mergeCell ref="AL30:AL31"/>
    <mergeCell ref="AK29:AK31"/>
    <mergeCell ref="AF29:AF31"/>
    <mergeCell ref="AB29:AB31"/>
    <mergeCell ref="AM29:AM31"/>
    <mergeCell ref="P29:P31"/>
    <mergeCell ref="AF24:AL25"/>
    <mergeCell ref="Y23:AE24"/>
    <mergeCell ref="AD25:AE27"/>
    <mergeCell ref="AB25:AC27"/>
    <mergeCell ref="Z25:AA27"/>
    <mergeCell ref="Y25:Y27"/>
    <mergeCell ref="BF78:BG78"/>
    <mergeCell ref="T73:X74"/>
    <mergeCell ref="AB75:AC77"/>
    <mergeCell ref="BD75:BD77"/>
    <mergeCell ref="BE75:BE77"/>
    <mergeCell ref="AP73:BC74"/>
    <mergeCell ref="BD73:BI73"/>
    <mergeCell ref="BD74:BI74"/>
    <mergeCell ref="BF75:BF77"/>
    <mergeCell ref="BG75:BG77"/>
    <mergeCell ref="BH75:BH77"/>
    <mergeCell ref="BI75:BI77"/>
    <mergeCell ref="Y75:AA77"/>
    <mergeCell ref="Q69:Q71"/>
    <mergeCell ref="R69:R71"/>
    <mergeCell ref="S69:S71"/>
    <mergeCell ref="AI70:AI71"/>
    <mergeCell ref="AL70:AL71"/>
    <mergeCell ref="AG69:AG71"/>
    <mergeCell ref="AD75:AK77"/>
    <mergeCell ref="AL78:AO78"/>
    <mergeCell ref="BD78:BE78"/>
    <mergeCell ref="T69:T71"/>
    <mergeCell ref="Y69:Y71"/>
    <mergeCell ref="Z69:Z71"/>
    <mergeCell ref="AA69:AA71"/>
    <mergeCell ref="X69:X71"/>
    <mergeCell ref="AF84:AL85"/>
    <mergeCell ref="E85:O86"/>
    <mergeCell ref="R85:R87"/>
    <mergeCell ref="S85:T87"/>
    <mergeCell ref="U85:V87"/>
    <mergeCell ref="W85:X87"/>
    <mergeCell ref="Y85:Y87"/>
    <mergeCell ref="Q83:Q87"/>
    <mergeCell ref="R83:X84"/>
    <mergeCell ref="Y83:AE84"/>
    <mergeCell ref="Z85:AA87"/>
    <mergeCell ref="AB85:AC87"/>
    <mergeCell ref="AD85:AE87"/>
    <mergeCell ref="E87:N88"/>
    <mergeCell ref="AF86:AL87"/>
    <mergeCell ref="BZ73:BZ77"/>
    <mergeCell ref="CA73:CA77"/>
    <mergeCell ref="BZ78:CA78"/>
    <mergeCell ref="BR75:BR77"/>
    <mergeCell ref="BS75:BY77"/>
    <mergeCell ref="E67:N68"/>
    <mergeCell ref="AB55:AC57"/>
    <mergeCell ref="Y59:AA61"/>
    <mergeCell ref="AB59:AB61"/>
    <mergeCell ref="AC59:AC61"/>
    <mergeCell ref="AL58:AO58"/>
    <mergeCell ref="BS59:BY61"/>
    <mergeCell ref="BA59:BA61"/>
    <mergeCell ref="BB59:BB61"/>
    <mergeCell ref="BC59:BC61"/>
    <mergeCell ref="AP55:AP57"/>
    <mergeCell ref="AQ55:BC57"/>
    <mergeCell ref="BF55:BF57"/>
    <mergeCell ref="BF59:BG61"/>
    <mergeCell ref="AP59:AP61"/>
    <mergeCell ref="BJ56:BP57"/>
    <mergeCell ref="AZ59:AZ61"/>
    <mergeCell ref="BZ58:CA58"/>
    <mergeCell ref="BZ63:BZ67"/>
    <mergeCell ref="A74:C77"/>
    <mergeCell ref="AF66:AL67"/>
    <mergeCell ref="AF64:AL65"/>
    <mergeCell ref="E65:O66"/>
    <mergeCell ref="R65:R67"/>
    <mergeCell ref="Q63:Q67"/>
    <mergeCell ref="R63:X64"/>
    <mergeCell ref="Y63:AE64"/>
    <mergeCell ref="S65:T67"/>
    <mergeCell ref="U65:V67"/>
    <mergeCell ref="W65:X67"/>
    <mergeCell ref="Y65:Y67"/>
    <mergeCell ref="Y73:AO74"/>
    <mergeCell ref="AB65:AC67"/>
    <mergeCell ref="F75:Q76"/>
    <mergeCell ref="T75:V77"/>
    <mergeCell ref="W75:X77"/>
    <mergeCell ref="AD65:AE67"/>
    <mergeCell ref="U69:U71"/>
    <mergeCell ref="V69:V71"/>
    <mergeCell ref="W69:W71"/>
    <mergeCell ref="AM64:AR65"/>
    <mergeCell ref="I69:I71"/>
    <mergeCell ref="P69:P71"/>
    <mergeCell ref="Z3:BC4"/>
    <mergeCell ref="AJ6:AS8"/>
    <mergeCell ref="J3:K10"/>
    <mergeCell ref="L3:O6"/>
    <mergeCell ref="P3:R6"/>
    <mergeCell ref="BF15:BF17"/>
    <mergeCell ref="T15:V17"/>
    <mergeCell ref="F15:Q16"/>
    <mergeCell ref="T13:X14"/>
    <mergeCell ref="W15:X17"/>
    <mergeCell ref="AL15:AO17"/>
    <mergeCell ref="L7:O10"/>
    <mergeCell ref="P7:R10"/>
    <mergeCell ref="Z10:BD11"/>
    <mergeCell ref="BF10:CC11"/>
    <mergeCell ref="AD15:AK17"/>
    <mergeCell ref="BI15:BI17"/>
    <mergeCell ref="BZ13:BZ17"/>
    <mergeCell ref="CA13:CA17"/>
    <mergeCell ref="BJ16:BP17"/>
    <mergeCell ref="BJ14:BP15"/>
    <mergeCell ref="BQ13:BQ17"/>
    <mergeCell ref="BR13:BY14"/>
    <mergeCell ref="BR15:BR17"/>
    <mergeCell ref="A34:C37"/>
    <mergeCell ref="R23:X24"/>
    <mergeCell ref="W25:X27"/>
    <mergeCell ref="S25:T27"/>
    <mergeCell ref="W29:W31"/>
    <mergeCell ref="V29:V31"/>
    <mergeCell ref="S29:S31"/>
    <mergeCell ref="R29:R31"/>
    <mergeCell ref="Q29:Q31"/>
    <mergeCell ref="E27:N28"/>
    <mergeCell ref="L29:L31"/>
    <mergeCell ref="K29:K31"/>
    <mergeCell ref="J29:J31"/>
    <mergeCell ref="I29:I31"/>
    <mergeCell ref="H29:H31"/>
    <mergeCell ref="G29:G31"/>
    <mergeCell ref="Q23:Q27"/>
    <mergeCell ref="R25:R27"/>
    <mergeCell ref="U25:V27"/>
    <mergeCell ref="E29:E31"/>
    <mergeCell ref="D29:D31"/>
    <mergeCell ref="W35:X37"/>
    <mergeCell ref="CA33:CA37"/>
    <mergeCell ref="BD35:BD37"/>
    <mergeCell ref="BE35:BE37"/>
    <mergeCell ref="BH35:BH37"/>
    <mergeCell ref="BI35:BI37"/>
    <mergeCell ref="BR35:BR37"/>
    <mergeCell ref="BS35:BY37"/>
    <mergeCell ref="BJ36:BP37"/>
    <mergeCell ref="BD33:BI33"/>
    <mergeCell ref="BQ33:BQ37"/>
    <mergeCell ref="BJ34:BP35"/>
    <mergeCell ref="BF35:BF37"/>
    <mergeCell ref="BG35:BG37"/>
    <mergeCell ref="BJ39:BP41"/>
    <mergeCell ref="BZ23:BZ27"/>
    <mergeCell ref="AM24:AR25"/>
    <mergeCell ref="BR24:BY25"/>
    <mergeCell ref="AS25:AX26"/>
    <mergeCell ref="AY25:BD26"/>
    <mergeCell ref="BE25:BJ26"/>
    <mergeCell ref="BK25:BQ26"/>
    <mergeCell ref="AM26:AR27"/>
    <mergeCell ref="BR26:BY27"/>
    <mergeCell ref="BZ33:BZ37"/>
    <mergeCell ref="BA39:BA41"/>
    <mergeCell ref="BS29:BS31"/>
    <mergeCell ref="BX29:BX31"/>
    <mergeCell ref="BZ53:BZ57"/>
    <mergeCell ref="CA53:CA57"/>
    <mergeCell ref="A54:C57"/>
    <mergeCell ref="BD55:BD57"/>
    <mergeCell ref="BE55:BE57"/>
    <mergeCell ref="BH55:BH57"/>
    <mergeCell ref="BI55:BI57"/>
    <mergeCell ref="BR55:BR57"/>
    <mergeCell ref="BS55:BY57"/>
    <mergeCell ref="BJ54:BP55"/>
    <mergeCell ref="AL55:AO57"/>
    <mergeCell ref="BG55:BG57"/>
    <mergeCell ref="AD55:AK57"/>
    <mergeCell ref="T53:X54"/>
    <mergeCell ref="Y53:AO54"/>
    <mergeCell ref="AP53:BC54"/>
    <mergeCell ref="BD53:BI53"/>
    <mergeCell ref="BQ53:BQ57"/>
    <mergeCell ref="BR53:BY54"/>
    <mergeCell ref="BD54:BI54"/>
    <mergeCell ref="BH39:BI41"/>
    <mergeCell ref="BR29:BR31"/>
    <mergeCell ref="BF18:BG18"/>
    <mergeCell ref="BD18:BE18"/>
    <mergeCell ref="BB19:BB21"/>
    <mergeCell ref="BS15:BY17"/>
    <mergeCell ref="Y45:Y47"/>
    <mergeCell ref="Z45:AA47"/>
    <mergeCell ref="AB45:AC47"/>
    <mergeCell ref="AD45:AE47"/>
    <mergeCell ref="BP29:BP31"/>
    <mergeCell ref="AY29:AY31"/>
    <mergeCell ref="AV29:AV31"/>
    <mergeCell ref="BC29:BC31"/>
    <mergeCell ref="BB29:BB31"/>
    <mergeCell ref="AW19:AW21"/>
    <mergeCell ref="AP29:AP31"/>
    <mergeCell ref="AS29:AS31"/>
    <mergeCell ref="AW29:AW31"/>
    <mergeCell ref="AZ29:AZ31"/>
    <mergeCell ref="BK29:BK31"/>
    <mergeCell ref="BW29:BW31"/>
    <mergeCell ref="BR33:BY34"/>
    <mergeCell ref="BD34:BI34"/>
    <mergeCell ref="AZ39:AZ41"/>
    <mergeCell ref="BZ43:BZ47"/>
    <mergeCell ref="AM44:AR45"/>
    <mergeCell ref="BR44:BY45"/>
    <mergeCell ref="AS45:AX46"/>
    <mergeCell ref="AY45:BD46"/>
    <mergeCell ref="BE45:BJ46"/>
    <mergeCell ref="BK45:BQ46"/>
    <mergeCell ref="AM46:AR47"/>
    <mergeCell ref="BR46:BY47"/>
    <mergeCell ref="BZ29:BZ31"/>
    <mergeCell ref="AO30:AO31"/>
    <mergeCell ref="AR30:AR31"/>
    <mergeCell ref="AU30:AU31"/>
    <mergeCell ref="AX30:AX31"/>
    <mergeCell ref="BA30:BA31"/>
    <mergeCell ref="BJ30:BJ31"/>
    <mergeCell ref="BQ30:BQ31"/>
    <mergeCell ref="BZ38:CA38"/>
    <mergeCell ref="BD38:BE38"/>
    <mergeCell ref="BF38:BG38"/>
    <mergeCell ref="BY30:BY31"/>
    <mergeCell ref="BV30:BV31"/>
    <mergeCell ref="BU29:BU31"/>
    <mergeCell ref="BT29:BT31"/>
    <mergeCell ref="AQ29:AQ31"/>
    <mergeCell ref="BL29:BL31"/>
    <mergeCell ref="BO29:BO31"/>
    <mergeCell ref="BN30:BN31"/>
    <mergeCell ref="BM29:BM31"/>
    <mergeCell ref="BG30:BG31"/>
    <mergeCell ref="BF29:BF31"/>
    <mergeCell ref="BI29:BI31"/>
    <mergeCell ref="BH29:BH31"/>
    <mergeCell ref="BZ49:BZ51"/>
    <mergeCell ref="AO50:AO51"/>
    <mergeCell ref="AR50:AR51"/>
    <mergeCell ref="AU50:AU51"/>
    <mergeCell ref="AX50:AX51"/>
    <mergeCell ref="BA50:BA51"/>
    <mergeCell ref="BJ50:BJ51"/>
    <mergeCell ref="BQ50:BQ51"/>
    <mergeCell ref="BY50:BY51"/>
    <mergeCell ref="BC49:BC51"/>
    <mergeCell ref="BL49:BL51"/>
    <mergeCell ref="BM49:BM51"/>
    <mergeCell ref="BE49:BE51"/>
    <mergeCell ref="BF49:BF51"/>
    <mergeCell ref="BH49:BH51"/>
    <mergeCell ref="BI49:BI51"/>
    <mergeCell ref="BB49:BB51"/>
    <mergeCell ref="AP49:AP51"/>
    <mergeCell ref="BG50:BG51"/>
    <mergeCell ref="BR64:BY65"/>
    <mergeCell ref="AS65:AX66"/>
    <mergeCell ref="AY65:BD66"/>
    <mergeCell ref="BE65:BJ66"/>
    <mergeCell ref="BK65:BQ66"/>
    <mergeCell ref="AM66:AR67"/>
    <mergeCell ref="BR66:BY67"/>
    <mergeCell ref="BS69:BS71"/>
    <mergeCell ref="BX69:BX71"/>
    <mergeCell ref="BZ69:BZ71"/>
    <mergeCell ref="AO70:AO71"/>
    <mergeCell ref="AR70:AR71"/>
    <mergeCell ref="AU70:AU71"/>
    <mergeCell ref="AX70:AX71"/>
    <mergeCell ref="BA70:BA71"/>
    <mergeCell ref="BJ70:BJ71"/>
    <mergeCell ref="BQ70:BQ71"/>
    <mergeCell ref="BY70:BY71"/>
    <mergeCell ref="AZ69:AZ71"/>
    <mergeCell ref="BW69:BW71"/>
    <mergeCell ref="BN70:BN71"/>
    <mergeCell ref="BH69:BH71"/>
    <mergeCell ref="BI69:BI71"/>
    <mergeCell ref="BL69:BL71"/>
    <mergeCell ref="BG70:BG71"/>
    <mergeCell ref="BF69:BF71"/>
    <mergeCell ref="BE69:BE71"/>
    <mergeCell ref="BK69:BK71"/>
    <mergeCell ref="BV70:BV71"/>
    <mergeCell ref="BD70:BD71"/>
    <mergeCell ref="BC69:BC71"/>
    <mergeCell ref="BD90:BD91"/>
    <mergeCell ref="BZ83:BZ87"/>
    <mergeCell ref="AM84:AR85"/>
    <mergeCell ref="BR84:BY85"/>
    <mergeCell ref="AS85:AX86"/>
    <mergeCell ref="AY85:BD86"/>
    <mergeCell ref="BE85:BJ86"/>
    <mergeCell ref="BK85:BQ86"/>
    <mergeCell ref="AM86:AR87"/>
    <mergeCell ref="BR86:BY87"/>
    <mergeCell ref="A1:BV1"/>
    <mergeCell ref="BX89:BX91"/>
    <mergeCell ref="BZ89:BZ91"/>
    <mergeCell ref="AO90:AO91"/>
    <mergeCell ref="AR90:AR91"/>
    <mergeCell ref="AU90:AU91"/>
    <mergeCell ref="AX90:AX91"/>
    <mergeCell ref="BA90:BA91"/>
    <mergeCell ref="BJ90:BJ91"/>
    <mergeCell ref="BQ90:BQ91"/>
    <mergeCell ref="BY90:BY91"/>
    <mergeCell ref="BR89:BR91"/>
    <mergeCell ref="BM89:BM91"/>
    <mergeCell ref="BO89:BO91"/>
    <mergeCell ref="BP89:BP91"/>
    <mergeCell ref="BL89:BL91"/>
    <mergeCell ref="BT89:BT91"/>
    <mergeCell ref="BU89:BU91"/>
    <mergeCell ref="BW89:BW91"/>
    <mergeCell ref="BV90:BV91"/>
    <mergeCell ref="BB89:BB91"/>
    <mergeCell ref="BC89:BC91"/>
    <mergeCell ref="BE89:BE91"/>
    <mergeCell ref="BF89:BF91"/>
  </mergeCells>
  <phoneticPr fontId="1"/>
  <printOptions horizontalCentered="1"/>
  <pageMargins left="0.39370078740157483" right="0.39370078740157483" top="0.19685039370078741" bottom="0.19685039370078741" header="0.51181102362204722" footer="0.19685039370078741"/>
  <pageSetup paperSize="9" scale="83" orientation="landscape" r:id="rId1"/>
  <headerFooter alignWithMargins="0"/>
  <colBreaks count="1" manualBreakCount="1">
    <brk id="83" min="1" max="32"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表紙（A4判）</vt:lpstr>
      <vt:lpstr>その1（A4判）</vt:lpstr>
      <vt:lpstr>その2（A4判）</vt:lpstr>
      <vt:lpstr>その３（A４判）① (認定こども園用)</vt:lpstr>
      <vt:lpstr>新規教職員名簿（A4判）(学法私学助成)</vt:lpstr>
      <vt:lpstr>新規教職員名簿（A4判）(新制度or非学法)</vt:lpstr>
      <vt:lpstr>'その1（A4判）'!Print_Area</vt:lpstr>
      <vt:lpstr>'その2（A4判）'!Print_Area</vt:lpstr>
      <vt:lpstr>'新規教職員名簿（A4判）(学法私学助成)'!Print_Area</vt:lpstr>
      <vt:lpstr>'新規教職員名簿（A4判）(新制度or非学法)'!Print_Area</vt:lpstr>
      <vt:lpstr>'表紙（A4判）'!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03T04:33:13Z</cp:lastPrinted>
  <dcterms:created xsi:type="dcterms:W3CDTF">2007-04-02T02:15:22Z</dcterms:created>
  <dcterms:modified xsi:type="dcterms:W3CDTF">2026-04-03T04:33:27Z</dcterms:modified>
</cp:coreProperties>
</file>